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mkv" ContentType="video/unknown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10"/>
  </p:sldMasterIdLst>
  <p:notesMasterIdLst>
    <p:notesMasterId r:id="rId148"/>
  </p:notesMasterIdLst>
  <p:handoutMasterIdLst>
    <p:handoutMasterId r:id="rId149"/>
  </p:handoutMasterIdLst>
  <p:sldIdLst>
    <p:sldId id="265" r:id="rId111"/>
    <p:sldId id="262" r:id="rId112"/>
    <p:sldId id="261" r:id="rId113"/>
    <p:sldId id="268" r:id="rId114"/>
    <p:sldId id="276" r:id="rId115"/>
    <p:sldId id="267" r:id="rId116"/>
    <p:sldId id="278" r:id="rId117"/>
    <p:sldId id="299" r:id="rId118"/>
    <p:sldId id="279" r:id="rId119"/>
    <p:sldId id="271" r:id="rId120"/>
    <p:sldId id="266" r:id="rId121"/>
    <p:sldId id="277" r:id="rId122"/>
    <p:sldId id="270" r:id="rId123"/>
    <p:sldId id="287" r:id="rId124"/>
    <p:sldId id="285" r:id="rId125"/>
    <p:sldId id="280" r:id="rId126"/>
    <p:sldId id="284" r:id="rId127"/>
    <p:sldId id="288" r:id="rId128"/>
    <p:sldId id="269" r:id="rId129"/>
    <p:sldId id="291" r:id="rId130"/>
    <p:sldId id="272" r:id="rId131"/>
    <p:sldId id="292" r:id="rId132"/>
    <p:sldId id="290" r:id="rId133"/>
    <p:sldId id="293" r:id="rId134"/>
    <p:sldId id="294" r:id="rId135"/>
    <p:sldId id="302" r:id="rId136"/>
    <p:sldId id="300" r:id="rId137"/>
    <p:sldId id="281" r:id="rId138"/>
    <p:sldId id="297" r:id="rId139"/>
    <p:sldId id="298" r:id="rId140"/>
    <p:sldId id="273" r:id="rId141"/>
    <p:sldId id="282" r:id="rId142"/>
    <p:sldId id="303" r:id="rId143"/>
    <p:sldId id="304" r:id="rId144"/>
    <p:sldId id="301" r:id="rId145"/>
    <p:sldId id="283" r:id="rId146"/>
    <p:sldId id="264" r:id="rId147"/>
  </p:sldIdLst>
  <p:sldSz cx="12192000" cy="6858000"/>
  <p:notesSz cx="6858000" cy="9144000"/>
  <p:embeddedFontLst>
    <p:embeddedFont>
      <p:font typeface="Netcompany-Offc" panose="020B0604020202020204" charset="0"/>
      <p:regular r:id="rId150"/>
      <p:bold r:id="rId151"/>
      <p:italic r:id="rId152"/>
      <p:boldItalic r:id="rId153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23836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78208" autoAdjust="0"/>
  </p:normalViewPr>
  <p:slideViewPr>
    <p:cSldViewPr snapToGrid="0" showGuides="1">
      <p:cViewPr varScale="1">
        <p:scale>
          <a:sx n="86" d="100"/>
          <a:sy n="86" d="100"/>
        </p:scale>
        <p:origin x="888" y="9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3552" y="-43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28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18.xml"/><Relationship Id="rId149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slide" Target="slides/slide8.xml"/><Relationship Id="rId139" Type="http://schemas.openxmlformats.org/officeDocument/2006/relationships/slide" Target="slides/slide2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font" Target="fonts/font1.fntdata"/><Relationship Id="rId155" Type="http://schemas.openxmlformats.org/officeDocument/2006/relationships/viewProps" Target="viewProp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slide" Target="slides/slide14.xml"/><Relationship Id="rId129" Type="http://schemas.openxmlformats.org/officeDocument/2006/relationships/slide" Target="slides/slide1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30.xml"/><Relationship Id="rId145" Type="http://schemas.openxmlformats.org/officeDocument/2006/relationships/slide" Target="slides/slide3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4.xml"/><Relationship Id="rId119" Type="http://schemas.openxmlformats.org/officeDocument/2006/relationships/slide" Target="slides/slide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20.xml"/><Relationship Id="rId135" Type="http://schemas.openxmlformats.org/officeDocument/2006/relationships/slide" Target="slides/slide25.xml"/><Relationship Id="rId151" Type="http://schemas.openxmlformats.org/officeDocument/2006/relationships/font" Target="fonts/font2.fntdata"/><Relationship Id="rId156" Type="http://schemas.openxmlformats.org/officeDocument/2006/relationships/theme" Target="theme/theme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slide" Target="slides/slide10.xml"/><Relationship Id="rId125" Type="http://schemas.openxmlformats.org/officeDocument/2006/relationships/slide" Target="slides/slide15.xml"/><Relationship Id="rId141" Type="http://schemas.openxmlformats.org/officeDocument/2006/relationships/slide" Target="slides/slide31.xml"/><Relationship Id="rId146" Type="http://schemas.openxmlformats.org/officeDocument/2006/relationships/slide" Target="slides/slide36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Master" Target="slideMasters/slideMaster1.xml"/><Relationship Id="rId115" Type="http://schemas.openxmlformats.org/officeDocument/2006/relationships/slide" Target="slides/slide5.xml"/><Relationship Id="rId131" Type="http://schemas.openxmlformats.org/officeDocument/2006/relationships/slide" Target="slides/slide21.xml"/><Relationship Id="rId136" Type="http://schemas.openxmlformats.org/officeDocument/2006/relationships/slide" Target="slides/slide26.xml"/><Relationship Id="rId157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font" Target="fonts/font3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slide" Target="slides/slide16.xml"/><Relationship Id="rId147" Type="http://schemas.openxmlformats.org/officeDocument/2006/relationships/slide" Target="slides/slide37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11.xml"/><Relationship Id="rId142" Type="http://schemas.openxmlformats.org/officeDocument/2006/relationships/slide" Target="slides/slide32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6.xml"/><Relationship Id="rId137" Type="http://schemas.openxmlformats.org/officeDocument/2006/relationships/slide" Target="slides/slide2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.xml"/><Relationship Id="rId132" Type="http://schemas.openxmlformats.org/officeDocument/2006/relationships/slide" Target="slides/slide22.xml"/><Relationship Id="rId153" Type="http://schemas.openxmlformats.org/officeDocument/2006/relationships/font" Target="fonts/font4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slide" Target="slides/slide1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" Target="slides/slide12.xml"/><Relationship Id="rId143" Type="http://schemas.openxmlformats.org/officeDocument/2006/relationships/slide" Target="slides/slide33.xml"/><Relationship Id="rId148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2.xml"/><Relationship Id="rId133" Type="http://schemas.openxmlformats.org/officeDocument/2006/relationships/slide" Target="slides/slide23.xml"/><Relationship Id="rId154" Type="http://schemas.openxmlformats.org/officeDocument/2006/relationships/presProps" Target="presProps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slide" Target="slides/slide13.xml"/><Relationship Id="rId144" Type="http://schemas.openxmlformats.org/officeDocument/2006/relationships/slide" Target="slides/slide34.xml"/><Relationship Id="rId90" Type="http://schemas.openxmlformats.org/officeDocument/2006/relationships/customXml" Target="../customXml/item90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slide" Target="slides/slide3.xml"/><Relationship Id="rId134" Type="http://schemas.openxmlformats.org/officeDocument/2006/relationships/slide" Target="slides/slide24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26D1F8A-F8D0-4BE8-A68D-D0E19DFD7784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46A58AC-7754-4623-9BAF-1E5C377CA539}" type="datetime1">
              <a:rPr lang="en-GB" smtClean="0"/>
              <a:t>04/06/2025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480132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234150-DB70-8B69-9B26-FDAA738C8F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49B786F-432D-460A-D7B0-97A566155A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DFD8FD7-FB79-C97D-BA8C-C6083E2D299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FB5632-7EB8-AEAC-5F9B-291ADEFFC7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07607C8-9840-4EE5-2877-773BF7E2274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1521634-3E94-EDB4-E12A-3E5304B5148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6F80657-7F32-4D0D-3282-F0793327E68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49997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567A7D-3632-FD7C-12F7-B559B6CA20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13868E-34A4-543C-623E-EB417DB6A3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0CA673-ACD7-64B3-43CC-FEBFAD9CB94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7FB29B7-1FD5-FE11-9A5A-D069528C1E0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FE9DFD4-F491-F559-A902-BA5DA06BB8C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AFD58E6-F73B-CEC9-741F-1DE74443331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9E68F6F-5F80-7C88-444F-60E143E5BF2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140365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AB6DBB6-1699-FC8F-05A3-C9C11CBB0C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9EAE4E4-4E78-1D5D-795A-4BA9E4D864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4997081-D3AB-FAB3-50CD-E13215A13FE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0A50E9-DCF2-27EE-2C0B-7C5523BAF63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09851BD-CA64-03E3-5851-D1AF50C679D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EC15B358-DE76-A4E8-49E8-A1230F8ADCC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9EAF8DD-4070-ECC1-E87A-75FEB109117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111470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9E95E2-9C49-788D-51F2-70054DA91A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D5DD803-9F3A-5DC0-ECD2-FC2BC70E93E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7A6386-1AB2-1B4E-1FDF-6B06A685F40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DC89FB-73A0-C481-7E25-C62D289225C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8083CF-D579-A777-291A-83E7DFAB035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4F01FA0-3AC8-7FC2-C15E-FC71696DBD1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F8D478C-EBB7-03D1-39A7-110F093D342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6139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38BBB1-6FCC-56E2-3994-94E3217C1D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D99BCC1-FB68-3EFB-D901-033F57B1AD3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E373D0B-9180-67C2-99EC-A71B5B63B65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E8F10F-FEF4-31BA-D2DA-6696086052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3DFC89C-875C-8A52-DE36-B1297F233EF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4983343E-F3A8-FA95-DA65-01B9B76D5E8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4ACBD90-142E-2575-520E-4360063400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8927521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7002C9-865E-EE44-CF19-7679AA6DD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862F53-A3D9-14A8-BAB1-602F0CCF3EA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C77778-B332-F67C-D818-A406327351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C17FD1-F272-2AAC-4877-4707CAEC14A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4144D9-796C-2446-4B1A-38388599CAD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34FA3D3-3E78-0E83-6E98-FC695C615B6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9EA8974-EC6A-392E-F687-7786130095A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5170512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541601-AAED-DBE0-AEAC-FA5FAB6946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8942B33-7799-5FDA-D049-2269BD817E2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8874452-6193-F96D-27AC-FBA30BED947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F5DADB-8FE9-6E1D-6861-6CA260E8D52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74FCAB5-1ABA-3957-7317-1D48BB24B78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E486CD0-AD5C-B303-C0C3-793C7DA1C3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D8679A-F6F5-2CF8-2C3A-A558D887C9E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331639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E4B96D-626F-BBAE-B4BC-7B16805C39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E74A72F-D1A8-B8D1-9812-6B4B59E45B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7974336-F0C4-731F-9FD4-6B97D13EEB7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B3127C-3B92-ADD4-5831-30DBD54309E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6FC66F-F3C0-3AD7-563A-164D1266D55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5370751-3552-58E3-E65A-1A5400ED88D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50324CA-5B06-C7CA-8B13-5D4667EA38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87462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23EDD5-A295-57A9-9654-F7ADD508AF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FCCCA86-56DE-87B7-4BC6-40F8D07094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596F684-9DDF-F81C-695F-01194580130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B9858-073B-65E8-06F3-CF930B74C8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CAD733E-5694-372C-065A-650A122DDBD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094A9A8-358D-88A8-E7BF-25A29DF61F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3120C3A-CD18-2453-A173-DAE8D58E990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804427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631F31-7425-400A-E599-5E26EA8507A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C1C746A-C099-F701-538E-350032926E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D80BEE-B4D5-0EE6-F66C-11025EE0ECD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201AF-1B00-00BD-EB76-1F6F2E3EAB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C93EC4-E27B-667A-FEA1-33056E1C1D6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E4273FE-E0AB-A305-9E32-37B36AE13E1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485C0C7-6D58-B731-AC70-3040D5E9A76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943668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1383826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E282DD-83B9-9F88-7CC7-D145949806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C4FF13-4575-68E6-69EA-50957E1A680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0BBC15-2A35-CC6D-EDA0-99DAB416076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GSON doesn't respect encapsulation, and tries to replicate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field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instead of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(and it appears there's no equivalent to JPA's "field access" versus "property access" functionality, nor any desire to provide it). </a:t>
            </a:r>
          </a:p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Using Jackson the serialized version is generated via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, and would look the way you want it directly out of the box: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77CD75-1BEA-6535-3FB7-229461FC7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79321F-06C5-AC43-D6BA-DE96F79C578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044DD82-D82C-E840-1E45-36C86488FD0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DFAA164-80F7-72F9-244F-DBFCF2DE0A5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27296847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874A3B-C525-C721-1BBF-B6FE272771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81A5DE9-1A36-ABB0-F86D-EEC16894ABE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BECFCB-D46F-B9DA-4150-22C9C08629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3986C-E226-8D55-D7C6-7F6D3190572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5245748-0240-551E-750D-348554580501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9037F09-C70F-8B53-854C-263492D8C18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0613B-7F55-2F6D-3284-B184F3A7945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852469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0147FB-87A6-69D2-46C9-E37B2E65D2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CE8A80A-FEB0-DBC1-D11A-C0CCC0690A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B27CF55-5589-A38C-B271-53F8A494FF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305826-247E-B150-C2EE-61AE625A0F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CFE8912-5105-7B76-4539-855FF0F3D8A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3A53952-A2BA-0300-B96C-AED010CFE65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626DCF6-0B8C-2563-BBBD-98CBEFFDD0F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4681306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59BBBE-D32F-3FC3-F2A6-651A4DD276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E6DC558-4B20-059F-7593-5791405AE87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94F6B8B-E8AC-A7FE-B13B-346F5C81F8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C9296C-5FC7-679E-6313-748BAB95FD5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72ADE8-313E-21CF-DD11-AC3EA4DB202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3A6DBBD-3101-34AE-A577-8EBEF2F9B75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444B778-57C9-203C-A30C-AFACC07FC2E9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5706121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3F62E-5D0A-3A85-2672-6F33E88AF4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1917A78-D18E-B4A6-5277-7025466C8D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5CCC387-BA8C-E9BC-8F4E-A39A0AABAA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A24268-08F6-CE00-8922-D4FC251BC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3D633E6-59FC-04F7-1E0D-F3A39C937DF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B2C69C3-BA25-D751-AE8C-1FD005BC28D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0491180-9EB4-DC88-3BFB-847C208ED3C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59245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BF243E-43E7-BB45-CB94-A8946C08CCA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0ECE985-0A02-AAE1-29D5-0A364EE91A6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2C38CAA-246A-6984-C010-9D14F3CC721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2C7BDB-3C1C-343D-D9C3-AF14FE28503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D445C1B-3DD1-AB46-9DDC-F69B932ABB4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33AD12D-9DCF-1439-2B69-F8F1581CC9F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253BAFA-81A6-44F2-01BA-086ECD6F772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2777510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036675-3EB8-2760-8898-533614342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F57557-FCC4-337A-4DC0-2D2F020BA17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1D9B35-C414-8732-8C1D-2FA4D7B238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A540F4-63AD-0374-9730-E9838F21D22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5F333E1-7283-3FDA-7F3B-970E27FD388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DF81AAA-3BA3-E7BA-D66C-AFC2D539FB59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37AC24-28CF-26F7-E1B4-B59FBDFC3E7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7794000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1D5727-14B9-7AA6-D038-99AE2144F4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8F7B2CB-C173-86DF-3BB2-F88683C4EEC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14FF85B-0FE0-C889-D7D4-1BD94FC4669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60E663-05E3-D4DA-C709-95EA59AB26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07FA71-CC61-E0A7-DB38-4AC245B33D1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BEF71B90-BC40-CA1A-6468-63475766124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73A79C9-09A2-9C24-175A-144AA73A1F1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6420787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95E4C-0537-314B-EC95-A92D75C7A5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14474BA-CFCE-00B1-7F03-D5CDA242F45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76015C-0D6B-2FC5-3232-BE8ACD9EF1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6EC9E6-F240-1049-7D5E-0ACF17C39E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10E1363-B62D-B953-A9DE-4D12986032B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14FA504-F356-970C-4D49-8B7C76ACF22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E59587E-5D02-DB4E-208C-59912FBF978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97262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F4C052-BB2A-7193-7AB3-63AC9D249E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ED0058B-523A-CBB4-B23A-A076B8FB903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6A561A-5C3D-1AE6-DD55-E7DB9FA81C6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F40A82-50ED-20C5-C634-F5BDAF6115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9F5F3EC-5CC0-B788-7DEE-6D8B13E3D9C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7C1870C4-A6EC-A0E1-3A34-AA4DED778B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67F3C4F-90B8-760E-938A-660C416DA1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1409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2474499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9ACD1FC-CC71-0B39-8885-020BB9D575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4ED2764-FBEE-7A77-50BE-B337C071B32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F46FFDF-4EC2-D7DB-2D61-D82151E039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78F10C-2F41-A31C-C50B-8318C1D928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A16C9B-9C81-AD41-A461-1EA9D9D039B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C858109E-02E2-C852-E41F-B09C54FC45F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60E8C48-A23A-D9D2-8840-D58724FA28F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0555871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E8F4F2-11ED-3322-816C-672337E080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B44BE2D-5CEC-916A-48FD-D5B28A9122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D3DE6E-B157-832B-23E8-B9B40E606C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F4519E-23E8-33CF-BE90-83C3CA4D134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ACD4666-6779-340B-1434-3357ACFB553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DB832E4-87F3-2695-6986-2E29BB162BB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464FFA8-C6EC-2F24-8463-4D619878186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067482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255A4B-EB76-B213-D12E-849382056F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DBA4E9-888F-DCD5-FF61-B1CCB6B1B0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2FB9C7-A457-48B0-0EAE-143989528B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DE79F4-99B7-F3E1-C973-E33208B3745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2E1F608-E75A-4184-C075-B73B21B7A05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A226109-D71A-24B3-46C6-DFBA46A616C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5703CE-B3CA-08C2-39FA-ACE7AD6EC5E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337670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795385-FDD7-19D8-2364-C713A80E71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7E57E41-1A48-8D13-7596-6A457CA114C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924A60-A4F7-5C4D-D264-168A09FA2BE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9C525B-2601-6500-0D9A-8600023DAD9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87580AF-665D-9AC2-53E9-CB5E5E2D94E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48498DD-F3F0-ED6B-FF02-1A012B07386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8111364-D23B-57E5-34E0-168B66BB56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802072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F572E0-4617-D13F-B4E8-D64F73CD89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9B5547F-3661-72BC-9BB2-0A8760C739B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D1D0B63-2C7C-4F5A-D11A-B57E1AC60F0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976F5D-8D38-6889-5184-46D6B772FC5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BC7CD6-689B-25AA-1484-0A2AD349A8E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6377924-6C02-2BD6-D280-B6515A25400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552382B-116D-2C27-C0EF-60F9ED4D518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8792076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D5F3E4-9C70-88D6-810F-C5B9DA5F69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4F2B29-D947-DA2B-9A67-4FDE2E871CD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625213E-3B0E-988A-C2A3-1257013A67B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64F9F7-BCAF-CCC4-183F-E395536103B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88DCA6-ED35-DA7D-8FE7-AE0D3157B7B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99778C1-4F3E-3F65-CB4B-AAD22275CA9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D8EF636-6F6C-5807-6EA4-0E755B278D6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0188416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1026F5D-78AE-F2D6-0F09-B10E1C371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5BB442B-B117-3686-2F5B-FB34F57419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F0C1703-359B-AE85-1CFA-203A793706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736862-F6C0-6D31-58E0-D262DEDC2F6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BFDFB7C-1101-ADBE-2D0A-4EF36CFBF02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5FF58BA-35BA-CB39-8185-76579DF4578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D03C5-5D55-7133-0D08-6975D3D44A5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0780614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7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58380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90CCBE-538F-2DE3-E7CD-FC47350BF4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3BCAF06-A64C-5D2F-A80F-C37ABB55E44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6A1EE7E-2B02-3F0D-E580-5BA06646F9C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947824-8BFF-245C-808D-DCC6A84E409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8BEB71-59D4-FD51-5D92-7AE37D5F228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864A6C6-542E-D48B-3A2D-E43312CB7FC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6389486-D99C-FB70-54C7-5951B265C79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241533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E9BF0AA-B290-FE7E-4C8A-780678D24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5DA2849-C333-BA90-7646-58769EC0946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C3CEF44-835F-9878-555A-70D8C83C04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WT Standard Widget Toolki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9BBF87-C9A1-E9F7-2991-8DF544F616E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852617F-BECA-F597-2075-91F2039561F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F59028BD-7914-03C8-AACF-5729CA49C84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2F03960-A5F1-45CF-BE1D-7A79BD04610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296433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285F46-FCF4-A68E-6167-A39A01B149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9BDC68-A323-24BE-18A0-05168954FFF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64E5C91-531B-909D-4D28-50514F35F1D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BF3F2-C458-BA79-F75A-789F8876FEB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66D9777-E194-3E44-333F-10DF2D82713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B9BFBB7-A648-085E-8A07-C2E8451838A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953E6C0-C676-D00A-7D21-5351D9594B1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544680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F1BEB8-C822-A993-B220-ACA974AF36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9B54641-40AC-A42A-5729-15F029E140A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76E0BAA-70CB-DF1F-4018-F288251D198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853EE4-620F-8860-D1CC-000922105B1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23D505-6BFB-9654-E1F7-43A6A47BBFC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7ED6F37-331B-AD1F-8D74-D5A4EFA34EE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746F213-F22D-DDCC-6054-D14A6CBDDBB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81940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0C0F85-3AFC-9F04-6FFC-474E4CA016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A2BD03-5460-FCF1-1CB6-AE5841E9B76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01721AB-47B1-372A-70B7-487DAB1560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9CAF1C-AAF5-B6C1-33DD-34B039D3CA8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05F4E8-2F1B-3982-5D00-4CB808906E6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B278622-7942-0F6A-E687-70CE5D234DF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0D26CBC-8610-D87C-A3B8-41C3D81908C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535960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E70183B-52E0-BCF0-5260-D51536F0AD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0814A3-B14F-1E98-06ED-58A2526E62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52ADDDB-EBAC-CBF6-B8D4-CE1EC7AFA2F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0F74F1-3AF0-7565-8BC1-1AF1CFFAA00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1F74DA3-C919-FC54-E5BF-D444B100300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04/06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CEFE146-822F-61AB-45E6-C37E4D51984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DBA22-5ED5-D706-F88A-9C0E86444B4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04404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BBA9F3-D196-BBA8-2903-EE828E53E4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30E4CA3E-5B1B-D3EC-3F73-1737AC332D3A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736244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right green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A01F3901-6933-C0F9-F1F1-575DDBA43E3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D270BB3A-060E-6D64-70AE-DFF0DDA9AE9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4515C3E2-14B9-6BA4-E0B7-7FE0A5F9AC35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26E8E85-6706-9DC3-B64D-DDB64F23EE9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FAC13CC2-230E-E906-D4B3-9B84DDBF8A3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798F982B-5380-83E6-09AE-D22727B788F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F925710A-9CAE-302F-1DFC-469C5C6B2A8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0AA1EF90-A95A-2228-A38A-A8B1C841B4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03C0D355-2F8D-7ED2-7CA0-AFBDDA87C926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91A2E7E4-6725-67D6-6B23-417C972DA2FA}"/>
              </a:ext>
            </a:extLst>
          </p:cNvPr>
          <p:cNvSpPr/>
          <p:nvPr userDrawn="1"/>
        </p:nvSpPr>
        <p:spPr>
          <a:xfrm>
            <a:off x="-1" y="0"/>
            <a:ext cx="6188076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Grid - green">
            <a:extLst>
              <a:ext uri="{FF2B5EF4-FFF2-40B4-BE49-F238E27FC236}">
                <a16:creationId xmlns:a16="http://schemas.microsoft.com/office/drawing/2014/main" id="{CF407EA9-CB88-C7C6-A244-A84C089EBCDD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Grid - freeform">
            <a:extLst>
              <a:ext uri="{FF2B5EF4-FFF2-40B4-BE49-F238E27FC236}">
                <a16:creationId xmlns:a16="http://schemas.microsoft.com/office/drawing/2014/main" id="{37130A60-DB98-97A9-DAD5-9A5734FBD75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5F37B766-92F3-3EFE-31BF-5F12C286ADA6}"/>
              </a:ext>
            </a:extLst>
          </p:cNvPr>
          <p:cNvSpPr/>
          <p:nvPr userDrawn="1"/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5D0E069-EED7-E693-F207-863701AACE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85738" y="185737"/>
            <a:ext cx="5816600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5739" y="1368000"/>
            <a:ext cx="581847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5643563" y="6474619"/>
            <a:ext cx="358775" cy="196056"/>
          </a:xfrm>
          <a:noFill/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A7EE698A-8A94-9F7E-F96D-82FCA1FD4D3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36676612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lef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4FEED968-A754-189A-8AE5-FC39FF6D8F7E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C3CBB990-C009-1F5A-28E2-D34B2F56AE95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043A82F0-429A-9615-8C49-6C6036F2628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84F163D-69E3-DAD6-2131-396C310A4A3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C0F8A488-7D56-7A7B-5AE6-6815B96D847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3CFC36EB-6487-3E9E-031A-DD85AD53A0B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615FEC9-36FD-73E4-991C-5AE50AE95EB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4AE6CCE-0CCD-AC0C-A48A-2A280345FE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10A97689-4FA2-8763-FE1D-55BE6E07B66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D86BC030-9960-8396-396A-19B6A5AF7B3F}"/>
              </a:ext>
            </a:extLst>
          </p:cNvPr>
          <p:cNvSpPr/>
          <p:nvPr userDrawn="1"/>
        </p:nvSpPr>
        <p:spPr>
          <a:xfrm>
            <a:off x="6002338" y="0"/>
            <a:ext cx="6190862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Grid - green">
            <a:extLst>
              <a:ext uri="{FF2B5EF4-FFF2-40B4-BE49-F238E27FC236}">
                <a16:creationId xmlns:a16="http://schemas.microsoft.com/office/drawing/2014/main" id="{BD3F9CF4-7EBF-26DA-F12D-4E39EAED76E6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25" name="Grid - freeform">
            <a:extLst>
              <a:ext uri="{FF2B5EF4-FFF2-40B4-BE49-F238E27FC236}">
                <a16:creationId xmlns:a16="http://schemas.microsoft.com/office/drawing/2014/main" id="{1AFD01C1-5A19-E8BB-3DCC-D61E7F7125B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Logo">
            <a:extLst>
              <a:ext uri="{FF2B5EF4-FFF2-40B4-BE49-F238E27FC236}">
                <a16:creationId xmlns:a16="http://schemas.microsoft.com/office/drawing/2014/main" id="{72FF8C4E-1A61-40B5-B63E-B994E0B8491A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189665" y="1368000"/>
            <a:ext cx="5806838" cy="4568400"/>
          </a:xfrm>
          <a:noFill/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altLang="zh-HK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11637168" y="6474619"/>
            <a:ext cx="359333" cy="19605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1A66082-E3B9-D074-20E4-E15681F3CD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6188075" y="185737"/>
            <a:ext cx="5816601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1" name="Picture Placeholder 7">
            <a:extLst>
              <a:ext uri="{FF2B5EF4-FFF2-40B4-BE49-F238E27FC236}">
                <a16:creationId xmlns:a16="http://schemas.microsoft.com/office/drawing/2014/main" id="{61A4D560-E51A-F971-14BA-98A5E2748F7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3600"/>
            <a:ext cx="6002338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23133011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s">
            <a:extLst>
              <a:ext uri="{FF2B5EF4-FFF2-40B4-BE49-F238E27FC236}">
                <a16:creationId xmlns:a16="http://schemas.microsoft.com/office/drawing/2014/main" id="{0CA24D45-44EC-7074-5CDD-2AF3181146C9}"/>
              </a:ext>
            </a:extLst>
          </p:cNvPr>
          <p:cNvSpPr/>
          <p:nvPr userDrawn="1"/>
        </p:nvSpPr>
        <p:spPr bwMode="ltGray">
          <a:xfrm>
            <a:off x="0" y="-831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998615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C2954703-2753-4E2F-FCA3-D6D9F68EB77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AED2660-8C3E-1565-6D1F-B6BB26B0029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13" name="Text Placeholder 16">
            <a:extLst>
              <a:ext uri="{FF2B5EF4-FFF2-40B4-BE49-F238E27FC236}">
                <a16:creationId xmlns:a16="http://schemas.microsoft.com/office/drawing/2014/main" id="{CEED010C-A0AB-29BD-DDE2-C564BD98097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 bwMode="white">
          <a:xfrm>
            <a:off x="3000375" y="1666874"/>
            <a:ext cx="187501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 bwMode="white"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 bwMode="white"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 bwMode="white"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8201F121-2588-6C55-1976-5CD7EC4260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9940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3000375" y="1666874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4708027A-32AC-BB7B-076A-F55C04B124D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1150" y="6557961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69398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w.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rid - freeform">
            <a:extLst>
              <a:ext uri="{FF2B5EF4-FFF2-40B4-BE49-F238E27FC236}">
                <a16:creationId xmlns:a16="http://schemas.microsoft.com/office/drawing/2014/main" id="{62DADB1D-DAF1-595A-485B-5D89409A1F7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3776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12" name="Logo - freeform">
            <a:extLst>
              <a:ext uri="{FF2B5EF4-FFF2-40B4-BE49-F238E27FC236}">
                <a16:creationId xmlns:a16="http://schemas.microsoft.com/office/drawing/2014/main" id="{A365E6E5-85B4-B753-3B4A-DBA3D1964B2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87324" y="1864444"/>
            <a:ext cx="1679576" cy="255624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Box - freeform">
            <a:extLst>
              <a:ext uri="{FF2B5EF4-FFF2-40B4-BE49-F238E27FC236}">
                <a16:creationId xmlns:a16="http://schemas.microsoft.com/office/drawing/2014/main" id="{46A047EA-0D8D-E5EF-15A9-F1F50B95E3AD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 bwMode="white"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Box - freeform">
            <a:extLst>
              <a:ext uri="{FF2B5EF4-FFF2-40B4-BE49-F238E27FC236}">
                <a16:creationId xmlns:a16="http://schemas.microsoft.com/office/drawing/2014/main" id="{F7E660AB-E7AA-4765-1160-A22EA87D18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white"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Box - freeform">
            <a:extLst>
              <a:ext uri="{FF2B5EF4-FFF2-40B4-BE49-F238E27FC236}">
                <a16:creationId xmlns:a16="http://schemas.microsoft.com/office/drawing/2014/main" id="{70D9AD67-1F57-8BD7-EFC6-921EF12D967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white"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4" name="Box - freeform">
            <a:extLst>
              <a:ext uri="{FF2B5EF4-FFF2-40B4-BE49-F238E27FC236}">
                <a16:creationId xmlns:a16="http://schemas.microsoft.com/office/drawing/2014/main" id="{8EC693B7-118D-CC7D-6FCC-6D87AE57BB39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white"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F6B7474-D563-C122-12FA-0AE8A06D353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  <p:sp>
        <p:nvSpPr>
          <p:cNvPr id="15" name="Picture Placeholder 7">
            <a:extLst>
              <a:ext uri="{FF2B5EF4-FFF2-40B4-BE49-F238E27FC236}">
                <a16:creationId xmlns:a16="http://schemas.microsoft.com/office/drawing/2014/main" id="{65D2BFA1-E72E-CB12-4D23-BD077C7A93D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569334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0" y="1195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7" y="1627818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5919861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long green - no grid">
    <p:bg>
      <p:bgPr>
        <a:solidFill>
          <a:srgbClr val="12383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8" y="1627818"/>
            <a:ext cx="7438146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8532913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-1200" y="6016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6106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5267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A7BFD65-08C9-1340-556F-7990CE9ABBFE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EA445E9E-B98F-C4E5-5966-49E72CD8BD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448787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852A952B-76EF-4C8C-8C7B-140D4588A85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86B312DF-9E04-8EC7-BF7D-380A73D1E276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63B2D50B-F7A1-3E5D-5317-A3672D5A3B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0130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</p:spTree>
    <p:extLst>
      <p:ext uri="{BB962C8B-B14F-4D97-AF65-F5344CB8AC3E}">
        <p14:creationId xmlns:p14="http://schemas.microsoft.com/office/powerpoint/2010/main" val="15164392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s">
            <a:extLst>
              <a:ext uri="{FF2B5EF4-FFF2-40B4-BE49-F238E27FC236}">
                <a16:creationId xmlns:a16="http://schemas.microsoft.com/office/drawing/2014/main" id="{DB5C86D5-D1E2-CBFA-36B6-5154EB48654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A90FCCFC-8D35-0483-FAB6-8375553E645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70D45FBA-DD21-FC4B-4421-D3250D2BFC81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86EADC8-30A6-B6BE-9F54-B5488F402F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0C0AD753-83CD-C853-739F-AA968B28858C}"/>
              </a:ext>
            </a:extLst>
          </p:cNvPr>
          <p:cNvSpPr>
            <a:spLocks noGrp="1"/>
          </p:cNvSpPr>
          <p:nvPr>
            <p:ph idx="17" hasCustomPrompt="1"/>
          </p:nvPr>
        </p:nvSpPr>
        <p:spPr bwMode="white">
          <a:xfrm>
            <a:off x="185738" y="1438274"/>
            <a:ext cx="11818937" cy="456247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 - no gr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7AEE8EB-E9A4-4093-2252-3955D0CA1AC9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4041709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0"/>
            <a:ext cx="8996576" cy="2620964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04001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180" y="0"/>
            <a:ext cx="8997756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66409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3" name="Guide">
            <a:extLst>
              <a:ext uri="{FF2B5EF4-FFF2-40B4-BE49-F238E27FC236}">
                <a16:creationId xmlns:a16="http://schemas.microsoft.com/office/drawing/2014/main" id="{6D6B2C76-67F7-58FC-D140-3C131A126DF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A62CA790-1DBB-DA42-8FF9-48AD53446E9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BF53BD6-003B-D4FC-4624-078B26A2EFD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1FE13468-DA97-5B8D-6CF7-33DE06B42D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01F8357-A60E-13FA-79E6-1290D752016B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6854E54D-A37D-10A5-328F-012D1D0B223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84849087-ED75-C9CE-5B37-B81A3C732A6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D7AC9CAF-56DA-0FC2-B120-D99E822DE7C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30" name="Picture 29">
              <a:extLst>
                <a:ext uri="{FF2B5EF4-FFF2-40B4-BE49-F238E27FC236}">
                  <a16:creationId xmlns:a16="http://schemas.microsoft.com/office/drawing/2014/main" id="{FCD71379-BEAE-60BE-8789-7D9A107AEE4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3597"/>
            <a:ext cx="8996575" cy="2607098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2338" y="3335338"/>
            <a:ext cx="6189662" cy="1854198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4" name="Box - freeform">
            <a:extLst>
              <a:ext uri="{FF2B5EF4-FFF2-40B4-BE49-F238E27FC236}">
                <a16:creationId xmlns:a16="http://schemas.microsoft.com/office/drawing/2014/main" id="{5FD446A9-0016-B3A8-E22B-5426AD41DB3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000750" y="3335338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Box - freeform">
            <a:extLst>
              <a:ext uri="{FF2B5EF4-FFF2-40B4-BE49-F238E27FC236}">
                <a16:creationId xmlns:a16="http://schemas.microsoft.com/office/drawing/2014/main" id="{13DF5A12-6558-454F-1F36-7FB6A3666F5D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0750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Box - freeform">
            <a:extLst>
              <a:ext uri="{FF2B5EF4-FFF2-40B4-BE49-F238E27FC236}">
                <a16:creationId xmlns:a16="http://schemas.microsoft.com/office/drawing/2014/main" id="{C35F92E2-8B21-4110-68BE-EEFF35C30D7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3335339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Box - freeform">
            <a:extLst>
              <a:ext uri="{FF2B5EF4-FFF2-40B4-BE49-F238E27FC236}">
                <a16:creationId xmlns:a16="http://schemas.microsoft.com/office/drawing/2014/main" id="{94EB1950-401F-E1E1-96BF-44E4607865E0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Picture Placeholder 7">
            <a:extLst>
              <a:ext uri="{FF2B5EF4-FFF2-40B4-BE49-F238E27FC236}">
                <a16:creationId xmlns:a16="http://schemas.microsoft.com/office/drawing/2014/main" id="{B1D7401D-5CCC-A4E0-F13F-50408C7B410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470773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1"/>
            <a:ext cx="8996575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23093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0" y="-3597"/>
            <a:ext cx="8996575" cy="2607098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96593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E29DD6F-3C9A-83C7-A43D-4B1D307F3C4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C402DAB5-3B0C-1BE5-7506-FBE09B020E7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C63EB90F-B453-6979-05B4-954151AF6FA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1AA26747-23FD-492D-6631-93237612812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5E8AD5E1-7764-07F6-9734-CD98F8B0F58D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218ECF42-7BD8-C807-31C2-27BFCDDB128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2183B96-8712-A936-E6AA-11303606C4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77843DED-E35E-CF26-648D-F6651EF0FD7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AFD4FCFA-68A1-4B32-34CB-EB3670C0C5A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200" y="0"/>
            <a:ext cx="8997775" cy="2603501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7"/>
            <a:r>
              <a:rPr lang="en-GB" dirty="0"/>
              <a:t>Click to add subtitle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4BAB8B75-C663-7641-4486-474A396CF1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6435870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1142E58-7393-F68B-7BE0-516A5528096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02EAC2C7-807A-2E5F-50CE-2943BE94B6C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54A843B-0FF1-5382-8E19-63E5959DC7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A30FC6F-19FB-9CDA-4A61-BDE7AD690ADE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BD438341-2CC6-F8B8-578C-0EFBA4BF56C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0B0AFAEC-1715-B07F-FFEA-EC750818A5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AA77E08F-0E57-3332-70E0-389FDE443F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78D36230-14BB-12EB-491B-64CAC5937A8C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005430F7-467A-3D2B-3504-31AC0D9B91F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5" name="Grid - freeform">
            <a:extLst>
              <a:ext uri="{FF2B5EF4-FFF2-40B4-BE49-F238E27FC236}">
                <a16:creationId xmlns:a16="http://schemas.microsoft.com/office/drawing/2014/main" id="{2DDB9CE3-63AE-3A4C-9656-1872AEDC73F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6" y="1666875"/>
            <a:ext cx="9004300" cy="1668463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case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FB2772C-AF9B-BD8D-22DF-FA5C83D3FC3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86113" y="3521075"/>
            <a:ext cx="8818562" cy="1668461"/>
          </a:xfrm>
        </p:spPr>
        <p:txBody>
          <a:bodyPr bIns="126000" anchor="b">
            <a:norm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AF135D2C-B193-5572-6AB3-1D385F4F4A01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185738" y="1854200"/>
            <a:ext cx="2316162" cy="1141987"/>
          </a:xfrm>
        </p:spPr>
        <p:txBody>
          <a:bodyPr tIns="0" bIns="2664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on image icon to add case logo</a:t>
            </a:r>
          </a:p>
        </p:txBody>
      </p:sp>
      <p:sp>
        <p:nvSpPr>
          <p:cNvPr id="49" name="Box - freeform">
            <a:extLst>
              <a:ext uri="{FF2B5EF4-FFF2-40B4-BE49-F238E27FC236}">
                <a16:creationId xmlns:a16="http://schemas.microsoft.com/office/drawing/2014/main" id="{E13C873E-830A-FF5E-480C-75F13506DF7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Box - freeform">
            <a:extLst>
              <a:ext uri="{FF2B5EF4-FFF2-40B4-BE49-F238E27FC236}">
                <a16:creationId xmlns:a16="http://schemas.microsoft.com/office/drawing/2014/main" id="{F6740A49-54B9-F7A0-FF3F-FC7451721D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Box - freeform">
            <a:extLst>
              <a:ext uri="{FF2B5EF4-FFF2-40B4-BE49-F238E27FC236}">
                <a16:creationId xmlns:a16="http://schemas.microsoft.com/office/drawing/2014/main" id="{AF5686B3-4900-2E2A-7FEE-287D5E2D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Box - freeform">
            <a:extLst>
              <a:ext uri="{FF2B5EF4-FFF2-40B4-BE49-F238E27FC236}">
                <a16:creationId xmlns:a16="http://schemas.microsoft.com/office/drawing/2014/main" id="{1DA84705-83BF-97AC-4FD8-8F2510ECB95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 - freeform">
            <a:extLst>
              <a:ext uri="{FF2B5EF4-FFF2-40B4-BE49-F238E27FC236}">
                <a16:creationId xmlns:a16="http://schemas.microsoft.com/office/drawing/2014/main" id="{06C2DF0B-202F-8C0C-3F54-3CD4DFAF506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87324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19990C7-A6B6-3218-185C-2B3CB4E15DDB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1" name="Picture Placeholder 7">
            <a:extLst>
              <a:ext uri="{FF2B5EF4-FFF2-40B4-BE49-F238E27FC236}">
                <a16:creationId xmlns:a16="http://schemas.microsoft.com/office/drawing/2014/main" id="{58BAAEBB-CB87-C7F1-0E96-B48C28895A8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0"/>
              </a:spcAft>
              <a:buClr>
                <a:schemeClr val="accent5"/>
              </a:buClr>
              <a:buSzPct val="60000"/>
              <a:buFont typeface="Wingdings" panose="05000000000000000000" pitchFamily="2" charset="2"/>
              <a:buNone/>
              <a:tabLst/>
              <a:defRPr/>
            </a:pPr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8376174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04A3CA84-1BA5-C9F8-E2B7-D59689A69C8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901F7A90-8978-F336-7E62-572CEB197A0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1020A59E-FCAF-A2FA-5B7B-6D5A4478F2B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6E5B129C-8A99-02EE-9661-90141E5EB89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3C951252-A180-BF67-FE82-86DCEF65229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3DA7137-6DEE-3502-8939-0C9614F2376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7732975-93F5-C381-37F4-1572BE9F80A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31925F6F-7EA7-8D66-D0A0-B5280596A3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8" name="Picture 27">
              <a:extLst>
                <a:ext uri="{FF2B5EF4-FFF2-40B4-BE49-F238E27FC236}">
                  <a16:creationId xmlns:a16="http://schemas.microsoft.com/office/drawing/2014/main" id="{EB857EE3-B34F-876C-9439-5030C59A955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8" name="Grid - picture">
            <a:extLst>
              <a:ext uri="{FF2B5EF4-FFF2-40B4-BE49-F238E27FC236}">
                <a16:creationId xmlns:a16="http://schemas.microsoft.com/office/drawing/2014/main" id="{0E7FCCDA-1820-AC61-B837-6658D1BE0AD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4498974" cy="6858000"/>
          </a:xfrm>
          <a:custGeom>
            <a:avLst/>
            <a:gdLst>
              <a:gd name="connsiteX0" fmla="*/ 183018 w 4498974"/>
              <a:gd name="connsiteY0" fmla="*/ 0 h 6858000"/>
              <a:gd name="connsiteX1" fmla="*/ 190218 w 4498974"/>
              <a:gd name="connsiteY1" fmla="*/ 0 h 6858000"/>
              <a:gd name="connsiteX2" fmla="*/ 190218 w 4498974"/>
              <a:gd name="connsiteY2" fmla="*/ 183019 h 6858000"/>
              <a:gd name="connsiteX3" fmla="*/ 4498974 w 4498974"/>
              <a:gd name="connsiteY3" fmla="*/ 183019 h 6858000"/>
              <a:gd name="connsiteX4" fmla="*/ 4498974 w 4498974"/>
              <a:gd name="connsiteY4" fmla="*/ 190219 h 6858000"/>
              <a:gd name="connsiteX5" fmla="*/ 190218 w 4498974"/>
              <a:gd name="connsiteY5" fmla="*/ 190219 h 6858000"/>
              <a:gd name="connsiteX6" fmla="*/ 190218 w 4498974"/>
              <a:gd name="connsiteY6" fmla="*/ 6667781 h 6858000"/>
              <a:gd name="connsiteX7" fmla="*/ 4498974 w 4498974"/>
              <a:gd name="connsiteY7" fmla="*/ 6667781 h 6858000"/>
              <a:gd name="connsiteX8" fmla="*/ 4498974 w 4498974"/>
              <a:gd name="connsiteY8" fmla="*/ 6674981 h 6858000"/>
              <a:gd name="connsiteX9" fmla="*/ 190218 w 4498974"/>
              <a:gd name="connsiteY9" fmla="*/ 6674981 h 6858000"/>
              <a:gd name="connsiteX10" fmla="*/ 190218 w 4498974"/>
              <a:gd name="connsiteY10" fmla="*/ 6858000 h 6858000"/>
              <a:gd name="connsiteX11" fmla="*/ 183018 w 4498974"/>
              <a:gd name="connsiteY11" fmla="*/ 6858000 h 6858000"/>
              <a:gd name="connsiteX12" fmla="*/ 183018 w 4498974"/>
              <a:gd name="connsiteY12" fmla="*/ 6674981 h 6858000"/>
              <a:gd name="connsiteX13" fmla="*/ 0 w 4498974"/>
              <a:gd name="connsiteY13" fmla="*/ 6674981 h 6858000"/>
              <a:gd name="connsiteX14" fmla="*/ 0 w 4498974"/>
              <a:gd name="connsiteY14" fmla="*/ 6667781 h 6858000"/>
              <a:gd name="connsiteX15" fmla="*/ 183018 w 4498974"/>
              <a:gd name="connsiteY15" fmla="*/ 6667781 h 6858000"/>
              <a:gd name="connsiteX16" fmla="*/ 183018 w 4498974"/>
              <a:gd name="connsiteY16" fmla="*/ 190219 h 6858000"/>
              <a:gd name="connsiteX17" fmla="*/ 0 w 4498974"/>
              <a:gd name="connsiteY17" fmla="*/ 190219 h 6858000"/>
              <a:gd name="connsiteX18" fmla="*/ 0 w 4498974"/>
              <a:gd name="connsiteY18" fmla="*/ 183019 h 6858000"/>
              <a:gd name="connsiteX19" fmla="*/ 183018 w 4498974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4498974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4498974" y="183019"/>
                </a:lnTo>
                <a:lnTo>
                  <a:pt x="4498974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4498974" y="6667781"/>
                </a:lnTo>
                <a:lnTo>
                  <a:pt x="4498974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Logo">
            <a:extLst>
              <a:ext uri="{FF2B5EF4-FFF2-40B4-BE49-F238E27FC236}">
                <a16:creationId xmlns:a16="http://schemas.microsoft.com/office/drawing/2014/main" id="{A50615D6-0A3E-B10F-FB0D-DE6A1159C7EE}"/>
              </a:ext>
            </a:extLst>
          </p:cNvPr>
          <p:cNvSpPr/>
          <p:nvPr userDrawn="1"/>
        </p:nvSpPr>
        <p:spPr>
          <a:xfrm>
            <a:off x="4684712" y="6553953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99C18C5-C86E-FADA-D411-2FABFD8B6C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84712" y="185737"/>
            <a:ext cx="7319963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422C190-2DCB-D260-7EEA-9F975E6DB595}"/>
              </a:ext>
            </a:extLst>
          </p:cNvPr>
          <p:cNvSpPr>
            <a:spLocks noGrp="1"/>
          </p:cNvSpPr>
          <p:nvPr>
            <p:ph type="subTitle" idx="19" hasCustomPrompt="1"/>
          </p:nvPr>
        </p:nvSpPr>
        <p:spPr>
          <a:xfrm>
            <a:off x="185738" y="4952999"/>
            <a:ext cx="3001962" cy="1717675"/>
          </a:xfrm>
        </p:spPr>
        <p:txBody>
          <a:bodyPr anchor="b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bg1"/>
                </a:solidFill>
              </a:defRPr>
            </a:lvl9pPr>
          </a:lstStyle>
          <a:p>
            <a:r>
              <a:rPr lang="en-US" dirty="0"/>
              <a:t>“Add statement about effects for business, society or customers”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86300" y="1440000"/>
            <a:ext cx="3564000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439150" y="1440000"/>
            <a:ext cx="3565525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8C8B7966-A6D0-CD9C-64D3-C52B2040FA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449897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0821285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0DA71C2-845C-4AD9-A7C4-08E016602B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C79408F-6183-C914-F0E6-2BEA16F53A1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E179BD8B-964C-8002-AAA2-5F16F1D4802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Grid">
            <a:extLst>
              <a:ext uri="{FF2B5EF4-FFF2-40B4-BE49-F238E27FC236}">
                <a16:creationId xmlns:a16="http://schemas.microsoft.com/office/drawing/2014/main" id="{5D5D1909-6D24-84A8-3EAC-1882786202A9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D0D7D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F8BA0786-5A28-B7AD-9958-EC9EB91FA6C3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6AEDBD-8693-0BEE-4A4A-7F2D5DE5EE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56671B-9A9D-085B-1D6C-49777DBD7574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002227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s">
            <a:extLst>
              <a:ext uri="{FF2B5EF4-FFF2-40B4-BE49-F238E27FC236}">
                <a16:creationId xmlns:a16="http://schemas.microsoft.com/office/drawing/2014/main" id="{3736B150-1203-331B-40BE-FF1D661B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">
            <a:extLst>
              <a:ext uri="{FF2B5EF4-FFF2-40B4-BE49-F238E27FC236}">
                <a16:creationId xmlns:a16="http://schemas.microsoft.com/office/drawing/2014/main" id="{266659E1-20C2-AFA5-20C1-CDFF6B0F811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>
              <a:solidFill>
                <a:srgbClr val="141E1E"/>
              </a:solidFill>
            </a:endParaRPr>
          </a:p>
        </p:txBody>
      </p:sp>
      <p:sp>
        <p:nvSpPr>
          <p:cNvPr id="8" name="Logo">
            <a:extLst>
              <a:ext uri="{FF2B5EF4-FFF2-40B4-BE49-F238E27FC236}">
                <a16:creationId xmlns:a16="http://schemas.microsoft.com/office/drawing/2014/main" id="{9877389C-CEA5-2411-D7FA-7A9562C1D022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AAC2477E-E0CD-66B3-67D0-3D395A2C026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Grid">
            <a:extLst>
              <a:ext uri="{FF2B5EF4-FFF2-40B4-BE49-F238E27FC236}">
                <a16:creationId xmlns:a16="http://schemas.microsoft.com/office/drawing/2014/main" id="{9CDF1C58-E1F8-E935-1E42-00832DA8776B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8ACB7881-CB6C-5120-BF17-2D436E554B59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20159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435317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Grid - freeform">
            <a:extLst>
              <a:ext uri="{FF2B5EF4-FFF2-40B4-BE49-F238E27FC236}">
                <a16:creationId xmlns:a16="http://schemas.microsoft.com/office/drawing/2014/main" id="{648DDE02-0128-A751-ACA6-C734FB2BDA2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0" y="795"/>
            <a:ext cx="12192000" cy="6858000"/>
          </a:xfrm>
          <a:custGeom>
            <a:avLst/>
            <a:gdLst>
              <a:gd name="connsiteX0" fmla="*/ 189620 w 12192000"/>
              <a:gd name="connsiteY0" fmla="*/ 190219 h 6858000"/>
              <a:gd name="connsiteX1" fmla="*/ 189620 w 12192000"/>
              <a:gd name="connsiteY1" fmla="*/ 6667781 h 6858000"/>
              <a:gd name="connsiteX2" fmla="*/ 12001239 w 12192000"/>
              <a:gd name="connsiteY2" fmla="*/ 6667781 h 6858000"/>
              <a:gd name="connsiteX3" fmla="*/ 12001239 w 12192000"/>
              <a:gd name="connsiteY3" fmla="*/ 190219 h 6858000"/>
              <a:gd name="connsiteX4" fmla="*/ 182420 w 12192000"/>
              <a:gd name="connsiteY4" fmla="*/ 0 h 6858000"/>
              <a:gd name="connsiteX5" fmla="*/ 189620 w 12192000"/>
              <a:gd name="connsiteY5" fmla="*/ 0 h 6858000"/>
              <a:gd name="connsiteX6" fmla="*/ 189620 w 12192000"/>
              <a:gd name="connsiteY6" fmla="*/ 183019 h 6858000"/>
              <a:gd name="connsiteX7" fmla="*/ 12001239 w 12192000"/>
              <a:gd name="connsiteY7" fmla="*/ 183019 h 6858000"/>
              <a:gd name="connsiteX8" fmla="*/ 12001239 w 12192000"/>
              <a:gd name="connsiteY8" fmla="*/ 0 h 6858000"/>
              <a:gd name="connsiteX9" fmla="*/ 12008439 w 12192000"/>
              <a:gd name="connsiteY9" fmla="*/ 0 h 6858000"/>
              <a:gd name="connsiteX10" fmla="*/ 12008439 w 12192000"/>
              <a:gd name="connsiteY10" fmla="*/ 183019 h 6858000"/>
              <a:gd name="connsiteX11" fmla="*/ 12192000 w 12192000"/>
              <a:gd name="connsiteY11" fmla="*/ 183019 h 6858000"/>
              <a:gd name="connsiteX12" fmla="*/ 12192000 w 12192000"/>
              <a:gd name="connsiteY12" fmla="*/ 190219 h 6858000"/>
              <a:gd name="connsiteX13" fmla="*/ 12008439 w 12192000"/>
              <a:gd name="connsiteY13" fmla="*/ 190219 h 6858000"/>
              <a:gd name="connsiteX14" fmla="*/ 12008439 w 12192000"/>
              <a:gd name="connsiteY14" fmla="*/ 6667781 h 6858000"/>
              <a:gd name="connsiteX15" fmla="*/ 12192000 w 12192000"/>
              <a:gd name="connsiteY15" fmla="*/ 6667781 h 6858000"/>
              <a:gd name="connsiteX16" fmla="*/ 12192000 w 12192000"/>
              <a:gd name="connsiteY16" fmla="*/ 6674981 h 6858000"/>
              <a:gd name="connsiteX17" fmla="*/ 12008439 w 12192000"/>
              <a:gd name="connsiteY17" fmla="*/ 6674981 h 6858000"/>
              <a:gd name="connsiteX18" fmla="*/ 12008439 w 12192000"/>
              <a:gd name="connsiteY18" fmla="*/ 6858000 h 6858000"/>
              <a:gd name="connsiteX19" fmla="*/ 12001239 w 12192000"/>
              <a:gd name="connsiteY19" fmla="*/ 6858000 h 6858000"/>
              <a:gd name="connsiteX20" fmla="*/ 12001239 w 12192000"/>
              <a:gd name="connsiteY20" fmla="*/ 6674981 h 6858000"/>
              <a:gd name="connsiteX21" fmla="*/ 189620 w 12192000"/>
              <a:gd name="connsiteY21" fmla="*/ 6674981 h 6858000"/>
              <a:gd name="connsiteX22" fmla="*/ 189620 w 12192000"/>
              <a:gd name="connsiteY22" fmla="*/ 6858000 h 6858000"/>
              <a:gd name="connsiteX23" fmla="*/ 182420 w 12192000"/>
              <a:gd name="connsiteY23" fmla="*/ 6858000 h 6858000"/>
              <a:gd name="connsiteX24" fmla="*/ 182420 w 12192000"/>
              <a:gd name="connsiteY24" fmla="*/ 6674981 h 6858000"/>
              <a:gd name="connsiteX25" fmla="*/ 0 w 12192000"/>
              <a:gd name="connsiteY25" fmla="*/ 6674981 h 6858000"/>
              <a:gd name="connsiteX26" fmla="*/ 0 w 12192000"/>
              <a:gd name="connsiteY26" fmla="*/ 6667781 h 6858000"/>
              <a:gd name="connsiteX27" fmla="*/ 182420 w 12192000"/>
              <a:gd name="connsiteY27" fmla="*/ 6667781 h 6858000"/>
              <a:gd name="connsiteX28" fmla="*/ 182420 w 12192000"/>
              <a:gd name="connsiteY28" fmla="*/ 190219 h 6858000"/>
              <a:gd name="connsiteX29" fmla="*/ 0 w 12192000"/>
              <a:gd name="connsiteY29" fmla="*/ 190219 h 6858000"/>
              <a:gd name="connsiteX30" fmla="*/ 0 w 12192000"/>
              <a:gd name="connsiteY30" fmla="*/ 183019 h 6858000"/>
              <a:gd name="connsiteX31" fmla="*/ 182420 w 12192000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2000" h="6858000">
                <a:moveTo>
                  <a:pt x="189620" y="190219"/>
                </a:moveTo>
                <a:lnTo>
                  <a:pt x="189620" y="6667781"/>
                </a:lnTo>
                <a:lnTo>
                  <a:pt x="12001239" y="6667781"/>
                </a:lnTo>
                <a:lnTo>
                  <a:pt x="12001239" y="190219"/>
                </a:lnTo>
                <a:close/>
                <a:moveTo>
                  <a:pt x="182420" y="0"/>
                </a:moveTo>
                <a:lnTo>
                  <a:pt x="189620" y="0"/>
                </a:lnTo>
                <a:lnTo>
                  <a:pt x="189620" y="183019"/>
                </a:lnTo>
                <a:lnTo>
                  <a:pt x="12001239" y="183019"/>
                </a:lnTo>
                <a:lnTo>
                  <a:pt x="12001239" y="0"/>
                </a:lnTo>
                <a:lnTo>
                  <a:pt x="12008439" y="0"/>
                </a:lnTo>
                <a:lnTo>
                  <a:pt x="12008439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439" y="190219"/>
                </a:lnTo>
                <a:lnTo>
                  <a:pt x="12008439" y="6667781"/>
                </a:lnTo>
                <a:lnTo>
                  <a:pt x="12192000" y="6667781"/>
                </a:lnTo>
                <a:lnTo>
                  <a:pt x="12192000" y="6674981"/>
                </a:lnTo>
                <a:lnTo>
                  <a:pt x="12008439" y="6674981"/>
                </a:lnTo>
                <a:lnTo>
                  <a:pt x="12008439" y="6858000"/>
                </a:lnTo>
                <a:lnTo>
                  <a:pt x="12001239" y="6858000"/>
                </a:lnTo>
                <a:lnTo>
                  <a:pt x="12001239" y="6674981"/>
                </a:lnTo>
                <a:lnTo>
                  <a:pt x="189620" y="6674981"/>
                </a:lnTo>
                <a:lnTo>
                  <a:pt x="189620" y="6858000"/>
                </a:lnTo>
                <a:lnTo>
                  <a:pt x="182420" y="6858000"/>
                </a:lnTo>
                <a:lnTo>
                  <a:pt x="182420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2420" y="6667781"/>
                </a:lnTo>
                <a:lnTo>
                  <a:pt x="182420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2420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Logo - freeform">
            <a:extLst>
              <a:ext uri="{FF2B5EF4-FFF2-40B4-BE49-F238E27FC236}">
                <a16:creationId xmlns:a16="http://schemas.microsoft.com/office/drawing/2014/main" id="{58073AFA-7EFF-0E30-CB85-EF3C4A969E3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5600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96DC702E-4EA8-54A2-442D-E89A7EB8A00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36605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AB5F4716-69BA-88BE-89EF-5D95180AF85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Grid">
            <a:extLst>
              <a:ext uri="{FF2B5EF4-FFF2-40B4-BE49-F238E27FC236}">
                <a16:creationId xmlns:a16="http://schemas.microsoft.com/office/drawing/2014/main" id="{E40A9A85-8338-90A7-E9C9-5E48397313C8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4139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 - no gr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758C21B-8E3D-3DE6-27D0-4B46F4FAF3B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57835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B4836A24-C01B-015A-56EC-184EF7FB287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3413B674-7FD1-38F4-C1B3-F84A0836E4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3pPr>
            <a:lvl4pPr>
              <a:defRPr sz="6600" b="0">
                <a:solidFill>
                  <a:schemeClr val="tx1"/>
                </a:solidFill>
              </a:defRPr>
            </a:lvl4pPr>
            <a:lvl5pPr>
              <a:defRPr sz="6600" b="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6pPr>
            <a:lvl7pPr>
              <a:defRPr sz="6600" b="0">
                <a:solidFill>
                  <a:schemeClr val="tx1"/>
                </a:solidFill>
              </a:defRPr>
            </a:lvl7pPr>
            <a:lvl8pPr>
              <a:defRPr sz="6600" b="0">
                <a:solidFill>
                  <a:schemeClr val="tx1"/>
                </a:solidFill>
              </a:defRPr>
            </a:lvl8pPr>
            <a:lvl9pPr>
              <a:defRPr sz="6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66232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st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92D33812-781A-416C-64C5-2E9BDBBA59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57999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3402151" y="1859681"/>
            <a:ext cx="5600562" cy="852381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4" name="Web">
            <a:extLst>
              <a:ext uri="{FF2B5EF4-FFF2-40B4-BE49-F238E27FC236}">
                <a16:creationId xmlns:a16="http://schemas.microsoft.com/office/drawing/2014/main" id="{559B566B-FF51-B6E9-46D9-4F51291708A7}"/>
              </a:ext>
            </a:extLst>
          </p:cNvPr>
          <p:cNvSpPr txBox="1"/>
          <p:nvPr userDrawn="1"/>
        </p:nvSpPr>
        <p:spPr bwMode="white">
          <a:xfrm>
            <a:off x="3375025" y="4871040"/>
            <a:ext cx="2627313" cy="169277"/>
          </a:xfrm>
          <a:prstGeom prst="rect">
            <a:avLst/>
          </a:prstGeom>
          <a:noFill/>
        </p:spPr>
        <p:txBody>
          <a:bodyPr wrap="square" lIns="72000" tIns="0" rIns="0" bIns="0" rtlCol="0">
            <a:spAutoFit/>
          </a:bodyPr>
          <a:lstStyle/>
          <a:p>
            <a:r>
              <a:rPr lang="en-GB" sz="1100" dirty="0">
                <a:solidFill>
                  <a:schemeClr val="tx1"/>
                </a:solidFill>
              </a:rPr>
              <a:t>Netcompany.com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E7BC7154-1016-99A8-C0CF-7C4527AB66F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3375025" y="3335338"/>
            <a:ext cx="2625725" cy="1174127"/>
          </a:xfrm>
        </p:spPr>
        <p:txBody>
          <a:bodyPr lIns="72000" tIns="144000" bIns="0"/>
          <a:lstStyle>
            <a:lvl1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ontact info</a:t>
            </a:r>
            <a:br>
              <a:rPr lang="en-GB" dirty="0"/>
            </a:br>
            <a:r>
              <a:rPr lang="en-GB" dirty="0"/>
              <a:t>Name</a:t>
            </a:r>
            <a:br>
              <a:rPr lang="en-GB" dirty="0"/>
            </a:br>
            <a:r>
              <a:rPr lang="en-GB" dirty="0"/>
              <a:t>Title</a:t>
            </a:r>
            <a:br>
              <a:rPr lang="en-GB" dirty="0"/>
            </a:br>
            <a:r>
              <a:rPr lang="en-GB" dirty="0"/>
              <a:t>Email</a:t>
            </a:r>
            <a:br>
              <a:rPr lang="en-GB" dirty="0"/>
            </a:br>
            <a:r>
              <a:rPr lang="en-GB" dirty="0"/>
              <a:t>Phon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AA93690-B712-79F0-15AE-DD3CAD0A960E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2007687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438275"/>
            <a:ext cx="5816600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5999" y="1438276"/>
            <a:ext cx="5818675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righ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4" y="0"/>
            <a:ext cx="6005125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9" name="Grid - green">
            <a:extLst>
              <a:ext uri="{FF2B5EF4-FFF2-40B4-BE49-F238E27FC236}">
                <a16:creationId xmlns:a16="http://schemas.microsoft.com/office/drawing/2014/main" id="{A5369962-7EA9-80F6-F699-6D0DE4C07EF1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5626F37-E63E-10B6-D303-FA948D10A0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6599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8622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72225" y="185737"/>
            <a:ext cx="5632450" cy="6484938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41180" y="6474619"/>
            <a:ext cx="358369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5358789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lef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0" y="0"/>
            <a:ext cx="6002338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Grid - green">
            <a:extLst>
              <a:ext uri="{FF2B5EF4-FFF2-40B4-BE49-F238E27FC236}">
                <a16:creationId xmlns:a16="http://schemas.microsoft.com/office/drawing/2014/main" id="{05BF75E0-A427-C0B0-4525-2E35D6CCE6E1}"/>
              </a:ext>
            </a:extLst>
          </p:cNvPr>
          <p:cNvSpPr>
            <a:spLocks/>
          </p:cNvSpPr>
          <p:nvPr userDrawn="1"/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2" name="Logo">
            <a:extLst>
              <a:ext uri="{FF2B5EF4-FFF2-40B4-BE49-F238E27FC236}">
                <a16:creationId xmlns:a16="http://schemas.microsoft.com/office/drawing/2014/main" id="{19F4AB5E-E829-B15C-73E8-1CE3DB7AFC28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bg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F5C14E4-676F-C93B-99CF-28C01107F7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7263" y="185737"/>
            <a:ext cx="5817412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188461" y="1368000"/>
            <a:ext cx="5817413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6123" y="185737"/>
            <a:ext cx="5624127" cy="6484938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3" y="6474619"/>
            <a:ext cx="360361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933833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box conten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6" y="0"/>
            <a:ext cx="6005124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 green">
            <a:extLst>
              <a:ext uri="{FF2B5EF4-FFF2-40B4-BE49-F238E27FC236}">
                <a16:creationId xmlns:a16="http://schemas.microsoft.com/office/drawing/2014/main" id="{2DC3DDB4-A10B-CBD4-72FE-57433D5A497A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01CCEB3-1D0B-669D-8181-0D3BF86155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9" y="185737"/>
            <a:ext cx="5816600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660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B2F7DF0-7CEA-D5D7-EE66-722C15338EE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6394450" y="317499"/>
            <a:ext cx="5607818" cy="335901"/>
          </a:xfrm>
        </p:spPr>
        <p:txBody>
          <a:bodyPr bIns="0"/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94449" y="831850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AC0B7F01-E700-66EC-81E4-B7DF2C2ABDA4}"/>
              </a:ext>
            </a:extLst>
          </p:cNvPr>
          <p:cNvSpPr>
            <a:spLocks noGrp="1"/>
          </p:cNvSpPr>
          <p:nvPr>
            <p:ph type="subTitle" idx="15" hasCustomPrompt="1"/>
          </p:nvPr>
        </p:nvSpPr>
        <p:spPr bwMode="white">
          <a:xfrm>
            <a:off x="6394450" y="3496323"/>
            <a:ext cx="5607818" cy="335901"/>
          </a:xfrm>
        </p:spPr>
        <p:txBody>
          <a:bodyPr bIns="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232FE8B0-AB22-0C4F-82D8-41548313399E}"/>
              </a:ext>
            </a:extLst>
          </p:cNvPr>
          <p:cNvSpPr>
            <a:spLocks noGrp="1"/>
          </p:cNvSpPr>
          <p:nvPr>
            <p:ph idx="14" hasCustomPrompt="1"/>
          </p:nvPr>
        </p:nvSpPr>
        <p:spPr bwMode="white">
          <a:xfrm>
            <a:off x="6394446" y="4004258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36419" y="6474619"/>
            <a:ext cx="359818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825724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DA955002-5CC8-78D7-1221-1E18EE113287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870D0240-BC1C-E7A5-31DE-C88F22D656E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DC33930D-A458-B500-4F1A-8B28FBC71D9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69A03C6D-D961-5A25-CAC1-746F6F4413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4A62FEEF-B7E4-546E-1D4B-E245158BD8D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46252E9-7B31-5A10-F5A9-0941688F6B0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9B4C055B-774F-5F78-24C2-3CA6D1EBB98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9E5F8DDC-94AB-5A81-A99B-11C7C0B4E2A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6F859BF7-A512-E240-79A7-BDBB5119165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7" name="Grid - freeform">
            <a:extLst>
              <a:ext uri="{FF2B5EF4-FFF2-40B4-BE49-F238E27FC236}">
                <a16:creationId xmlns:a16="http://schemas.microsoft.com/office/drawing/2014/main" id="{B444B149-BB8E-BFF1-390C-3977CB42094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4D2505F-FCED-3FF0-1A82-D58A1C318D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8188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368000"/>
            <a:ext cx="5820058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641180" y="6474619"/>
            <a:ext cx="361157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085B930F-F28B-87EF-0702-70797890FA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894361CA-03BC-4AB9-F896-1620741457C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994B05AD-274B-CE3F-FCA5-B5570D7E681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3E120558-9782-8DD5-5988-3938639647A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D4B5719-5EEA-3010-F877-72949F63852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D536D86F-F069-8970-8128-DD7F743E709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561D3B9B-79D8-38AA-80AE-518ACCD6D23F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C1C34F95-49DA-6878-C556-32B4633B2D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677E6DC-9FB7-FB48-5B9E-74044B04FC4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604CF77-8966-45D3-7D8E-9B77E4061EE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13" name="Grid - freeform">
            <a:extLst>
              <a:ext uri="{FF2B5EF4-FFF2-40B4-BE49-F238E27FC236}">
                <a16:creationId xmlns:a16="http://schemas.microsoft.com/office/drawing/2014/main" id="{CC31F8C7-5256-2C8F-D2FD-E4E589CA2B3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Logo">
            <a:extLst>
              <a:ext uri="{FF2B5EF4-FFF2-40B4-BE49-F238E27FC236}">
                <a16:creationId xmlns:a16="http://schemas.microsoft.com/office/drawing/2014/main" id="{3F4F7A62-D167-563D-A71E-F19BD0104C35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8A3FE55-2F3B-924D-F7C1-54AE6C0CC47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8075" y="185737"/>
            <a:ext cx="5816600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88211" y="1368000"/>
            <a:ext cx="5816464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637168" y="6474619"/>
            <a:ext cx="359333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561F121D-AFB1-9F62-CADD-8DDB2A1EFCE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02338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86269770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id">
            <a:extLst>
              <a:ext uri="{FF2B5EF4-FFF2-40B4-BE49-F238E27FC236}">
                <a16:creationId xmlns:a16="http://schemas.microsoft.com/office/drawing/2014/main" id="{785B307A-AB45-058D-4FCF-F6CA8E8CC324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85738" y="1438275"/>
            <a:ext cx="11818937" cy="456247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Bullet level 1 Coral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Body</a:t>
            </a:r>
          </a:p>
          <a:p>
            <a:pPr lvl="4"/>
            <a:r>
              <a:rPr lang="en-GB" noProof="0" dirty="0"/>
              <a:t>Level 5, Header</a:t>
            </a:r>
          </a:p>
          <a:p>
            <a:pPr lvl="5"/>
            <a:r>
              <a:rPr lang="en-GB" noProof="0" dirty="0"/>
              <a:t>Level 6, Body</a:t>
            </a:r>
          </a:p>
          <a:p>
            <a:pPr lvl="6"/>
            <a:r>
              <a:rPr lang="en-GB" noProof="0" dirty="0"/>
              <a:t>Level 7, Small Text</a:t>
            </a:r>
          </a:p>
          <a:p>
            <a:pPr lvl="7"/>
            <a:r>
              <a:rPr lang="en-GB" noProof="0" dirty="0"/>
              <a:t>Level 8, Headline</a:t>
            </a:r>
          </a:p>
          <a:p>
            <a:pPr lvl="8"/>
            <a:r>
              <a:rPr lang="en-GB" noProof="0" dirty="0"/>
              <a:t>Level 9, Headline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44314" y="6474619"/>
            <a:ext cx="360360" cy="196056"/>
          </a:xfrm>
          <a:prstGeom prst="rect">
            <a:avLst/>
          </a:prstGeom>
        </p:spPr>
        <p:txBody>
          <a:bodyPr vert="horz" lIns="0" tIns="252000" rIns="0" bIns="0" rtlCol="0" anchor="b" anchorCtr="0"/>
          <a:lstStyle>
            <a:lvl1pPr algn="r">
              <a:defRPr sz="11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1AAB2BF0-A651-AD5C-42CC-145B1AD52D70}"/>
              </a:ext>
            </a:extLst>
          </p:cNvPr>
          <p:cNvSpPr/>
          <p:nvPr userDrawn="1"/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732" r:id="rId2"/>
    <p:sldLayoutId id="2147483821" r:id="rId3"/>
    <p:sldLayoutId id="2147483755" r:id="rId4"/>
    <p:sldLayoutId id="2147483798" r:id="rId5"/>
    <p:sldLayoutId id="2147483799" r:id="rId6"/>
    <p:sldLayoutId id="2147483801" r:id="rId7"/>
    <p:sldLayoutId id="2147483757" r:id="rId8"/>
    <p:sldLayoutId id="2147483800" r:id="rId9"/>
    <p:sldLayoutId id="2147483822" r:id="rId10"/>
    <p:sldLayoutId id="2147483823" r:id="rId11"/>
    <p:sldLayoutId id="2147483794" r:id="rId12"/>
    <p:sldLayoutId id="2147483795" r:id="rId13"/>
    <p:sldLayoutId id="2147483828" r:id="rId14"/>
    <p:sldLayoutId id="2147483809" r:id="rId15"/>
    <p:sldLayoutId id="2147483824" r:id="rId16"/>
    <p:sldLayoutId id="2147483808" r:id="rId17"/>
    <p:sldLayoutId id="2147483812" r:id="rId18"/>
    <p:sldLayoutId id="2147483813" r:id="rId19"/>
    <p:sldLayoutId id="2147483830" r:id="rId20"/>
    <p:sldLayoutId id="2147483803" r:id="rId21"/>
    <p:sldLayoutId id="2147483802" r:id="rId22"/>
    <p:sldLayoutId id="2147483826" r:id="rId23"/>
    <p:sldLayoutId id="2147483807" r:id="rId24"/>
    <p:sldLayoutId id="2147483806" r:id="rId25"/>
    <p:sldLayoutId id="2147483827" r:id="rId26"/>
    <p:sldLayoutId id="2147483831" r:id="rId27"/>
    <p:sldLayoutId id="2147483772" r:id="rId28"/>
    <p:sldLayoutId id="2147483743" r:id="rId29"/>
    <p:sldLayoutId id="2147483744" r:id="rId30"/>
    <p:sldLayoutId id="2147483815" r:id="rId31"/>
    <p:sldLayoutId id="2147483816" r:id="rId32"/>
    <p:sldLayoutId id="2147483817" r:id="rId33"/>
    <p:sldLayoutId id="2147483765" r:id="rId34"/>
    <p:sldLayoutId id="2147483829" r:id="rId35"/>
    <p:sldLayoutId id="2147483814" r:id="rId36"/>
    <p:sldLayoutId id="2147483818" r:id="rId37"/>
  </p:sldLayoutIdLst>
  <p:hf hd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300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5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2200" b="0" kern="1200" spc="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200" b="1" kern="1200" spc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00" kern="1200" spc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4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3300" kern="1200" spc="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400" kern="1200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17" userDrawn="1">
          <p15:clr>
            <a:srgbClr val="A4A3A4"/>
          </p15:clr>
        </p15:guide>
        <p15:guide id="2" pos="1890" userDrawn="1">
          <p15:clr>
            <a:srgbClr val="A4A3A4"/>
          </p15:clr>
        </p15:guide>
        <p15:guide id="3" orient="horz" pos="117" userDrawn="1">
          <p15:clr>
            <a:srgbClr val="A4A3A4"/>
          </p15:clr>
        </p15:guide>
        <p15:guide id="4" orient="horz" pos="4202" userDrawn="1">
          <p15:clr>
            <a:srgbClr val="A4A3A4"/>
          </p15:clr>
        </p15:guide>
        <p15:guide id="5" pos="2008" userDrawn="1">
          <p15:clr>
            <a:srgbClr val="A4A3A4"/>
          </p15:clr>
        </p15:guide>
        <p15:guide id="6" pos="3781" userDrawn="1">
          <p15:clr>
            <a:srgbClr val="A4A3A4"/>
          </p15:clr>
        </p15:guide>
        <p15:guide id="7" pos="3898" userDrawn="1">
          <p15:clr>
            <a:srgbClr val="A4A3A4"/>
          </p15:clr>
        </p15:guide>
        <p15:guide id="8" pos="5671" userDrawn="1">
          <p15:clr>
            <a:srgbClr val="A4A3A4"/>
          </p15:clr>
        </p15:guide>
        <p15:guide id="9" pos="5789" userDrawn="1">
          <p15:clr>
            <a:srgbClr val="A4A3A4"/>
          </p15:clr>
        </p15:guide>
        <p15:guide id="10" pos="756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3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4.xml"/><Relationship Id="rId1" Type="http://schemas.openxmlformats.org/officeDocument/2006/relationships/customXml" Target="../../customXml/item100.xml"/><Relationship Id="rId5" Type="http://schemas.openxmlformats.org/officeDocument/2006/relationships/image" Target="../media/image22.png"/><Relationship Id="rId4" Type="http://schemas.openxmlformats.org/officeDocument/2006/relationships/notesSlide" Target="../notesSlides/notesSlide1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96.xml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73.xml"/><Relationship Id="rId5" Type="http://schemas.openxmlformats.org/officeDocument/2006/relationships/image" Target="../media/image23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24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29.png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0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8.xml"/><Relationship Id="rId5" Type="http://schemas.openxmlformats.org/officeDocument/2006/relationships/image" Target="../media/image30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109.xml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99.xml"/><Relationship Id="rId1" Type="http://schemas.openxmlformats.org/officeDocument/2006/relationships/customXml" Target="../../customXml/item51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2.png"/><Relationship Id="rId2" Type="http://schemas.openxmlformats.org/officeDocument/2006/relationships/customXml" Target="../../customXml/item97.xml"/><Relationship Id="rId1" Type="http://schemas.openxmlformats.org/officeDocument/2006/relationships/customXml" Target="../../customXml/item38.xml"/><Relationship Id="rId6" Type="http://schemas.openxmlformats.org/officeDocument/2006/relationships/image" Target="../media/image31.png"/><Relationship Id="rId5" Type="http://schemas.openxmlformats.org/officeDocument/2006/relationships/hyperlink" Target="https://github.com/joffrey-bion/fx-gson" TargetMode="External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55.xml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6.xml"/><Relationship Id="rId1" Type="http://schemas.openxmlformats.org/officeDocument/2006/relationships/customXml" Target="../../customXml/item45.xml"/><Relationship Id="rId5" Type="http://schemas.openxmlformats.org/officeDocument/2006/relationships/hyperlink" Target="https://docs.oracle.com/javafx/2/threads/jfxpub-threads.htm" TargetMode="External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8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52.xml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5.png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80.xml"/><Relationship Id="rId6" Type="http://schemas.openxmlformats.org/officeDocument/2006/relationships/image" Target="../media/image34.png"/><Relationship Id="rId5" Type="http://schemas.openxmlformats.org/officeDocument/2006/relationships/image" Target="../media/image33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48.xml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87.xml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64.xml"/><Relationship Id="rId6" Type="http://schemas.openxmlformats.org/officeDocument/2006/relationships/hyperlink" Target="https://eugener.github.io/javafx-css/" TargetMode="External"/><Relationship Id="rId5" Type="http://schemas.openxmlformats.org/officeDocument/2006/relationships/hyperlink" Target="https://docs.oracle.com/javafx/2/api/javafx/scene/doc-files/cssref.html" TargetMode="External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jpe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9.jpeg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1.xml"/><Relationship Id="rId6" Type="http://schemas.openxmlformats.org/officeDocument/2006/relationships/image" Target="../media/image38.jpeg"/><Relationship Id="rId5" Type="http://schemas.openxmlformats.org/officeDocument/2006/relationships/image" Target="../media/image37.jpeg"/><Relationship Id="rId4" Type="http://schemas.openxmlformats.org/officeDocument/2006/relationships/notesSlide" Target="../notesSlides/notesSlide29.xml"/><Relationship Id="rId9" Type="http://schemas.openxmlformats.org/officeDocument/2006/relationships/image" Target="../media/image41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90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12.png"/></Relationships>
</file>

<file path=ppt/slides/_rels/slide30.xml.rels><?xml version="1.0" encoding="UTF-8" standalone="yes"?>
<Relationships xmlns="http://schemas.openxmlformats.org/package/2006/relationships"><Relationship Id="rId3" Type="http://schemas.microsoft.com/office/2007/relationships/media" Target="../media/media1.mkv"/><Relationship Id="rId7" Type="http://schemas.openxmlformats.org/officeDocument/2006/relationships/image" Target="../media/image42.png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34.xml"/><Relationship Id="rId6" Type="http://schemas.openxmlformats.org/officeDocument/2006/relationships/notesSlide" Target="../notesSlides/notesSlide30.xml"/><Relationship Id="rId5" Type="http://schemas.openxmlformats.org/officeDocument/2006/relationships/slideLayout" Target="../slideLayouts/slideLayout1.xml"/><Relationship Id="rId4" Type="http://schemas.openxmlformats.org/officeDocument/2006/relationships/video" Target="../media/media1.mkv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30.xml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3.png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108.xml"/><Relationship Id="rId6" Type="http://schemas.openxmlformats.org/officeDocument/2006/relationships/hyperlink" Target="https://openjfx.io/" TargetMode="External"/><Relationship Id="rId5" Type="http://schemas.openxmlformats.org/officeDocument/2006/relationships/hyperlink" Target="https://gluonhq.com/products/gluonfx/" TargetMode="External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06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3.xml"/><Relationship Id="rId6" Type="http://schemas.openxmlformats.org/officeDocument/2006/relationships/hyperlink" Target="common-problems-for-beginners-deepseek.html" TargetMode="External"/><Relationship Id="rId5" Type="http://schemas.openxmlformats.org/officeDocument/2006/relationships/hyperlink" Target="commons-problems-for-beginners-cortex.html" TargetMode="External"/><Relationship Id="rId4" Type="http://schemas.openxmlformats.org/officeDocument/2006/relationships/notesSlide" Target="../notesSlides/notesSlide34.xml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hyperlink" Target="https://docs.oracle.com/javafx/2/threads/jfxpub-threads.htm" TargetMode="External"/><Relationship Id="rId13" Type="http://schemas.openxmlformats.org/officeDocument/2006/relationships/hyperlink" Target="https://github.com/TestFX/TestFX" TargetMode="External"/><Relationship Id="rId18" Type="http://schemas.openxmlformats.org/officeDocument/2006/relationships/hyperlink" Target="https://dzone.com/articles/20-examples-of-using-javas-completablefuture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gluonhq.com/" TargetMode="External"/><Relationship Id="rId12" Type="http://schemas.openxmlformats.org/officeDocument/2006/relationships/hyperlink" Target="https://dzone.com/articles/the-bean-class-for-javafx-programming" TargetMode="External"/><Relationship Id="rId17" Type="http://schemas.openxmlformats.org/officeDocument/2006/relationships/hyperlink" Target="https://www.jpro.one/" TargetMode="External"/><Relationship Id="rId2" Type="http://schemas.openxmlformats.org/officeDocument/2006/relationships/customXml" Target="../../customXml/item49.xml"/><Relationship Id="rId16" Type="http://schemas.openxmlformats.org/officeDocument/2006/relationships/hyperlink" Target="https://www.tutorialspoint.com/javafx/index.htm" TargetMode="External"/><Relationship Id="rId20" Type="http://schemas.openxmlformats.org/officeDocument/2006/relationships/hyperlink" Target="https://dzone.com/articles/exception-handling-in-java-completablefuture" TargetMode="External"/><Relationship Id="rId1" Type="http://schemas.openxmlformats.org/officeDocument/2006/relationships/customXml" Target="../../customXml/item46.xml"/><Relationship Id="rId6" Type="http://schemas.openxmlformats.org/officeDocument/2006/relationships/hyperlink" Target="https://openjfx.io/#community" TargetMode="External"/><Relationship Id="rId11" Type="http://schemas.openxmlformats.org/officeDocument/2006/relationships/hyperlink" Target="https://docs.oracle.com/javase/8/javase-clienttechnologies.htm" TargetMode="External"/><Relationship Id="rId5" Type="http://schemas.openxmlformats.org/officeDocument/2006/relationships/hyperlink" Target="https://docs.oracle.com/javase/8/javafx/get-started-tutorial/get_start_apps.htm" TargetMode="External"/><Relationship Id="rId15" Type="http://schemas.openxmlformats.org/officeDocument/2006/relationships/hyperlink" Target="https://controlsfx.github.io/" TargetMode="External"/><Relationship Id="rId10" Type="http://schemas.openxmlformats.org/officeDocument/2006/relationships/hyperlink" Target="https://docs.oracle.com/javase/8/javafx/properties-binding-tutorial/binding.htm" TargetMode="External"/><Relationship Id="rId19" Type="http://schemas.openxmlformats.org/officeDocument/2006/relationships/hyperlink" Target="https://dzone.com/articles/java-8-definitive-guide" TargetMode="External"/><Relationship Id="rId4" Type="http://schemas.openxmlformats.org/officeDocument/2006/relationships/notesSlide" Target="../notesSlides/notesSlide35.xml"/><Relationship Id="rId9" Type="http://schemas.openxmlformats.org/officeDocument/2006/relationships/hyperlink" Target="https://docs.oracle.com/javafx/2/binding/jfxpub-binding.htm" TargetMode="External"/><Relationship Id="rId14" Type="http://schemas.openxmlformats.org/officeDocument/2006/relationships/hyperlink" Target="https://mkpaz.github.io/atlantafx/" TargetMode="Externa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63.xml"/><Relationship Id="rId4" Type="http://schemas.openxmlformats.org/officeDocument/2006/relationships/notesSlide" Target="../notesSlides/notesSlide3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21.xml"/><Relationship Id="rId4" Type="http://schemas.openxmlformats.org/officeDocument/2006/relationships/notesSlide" Target="../notesSlides/notesSlide3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69.xml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19.xml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81.xml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1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105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C583BC1-11AB-F347-57F1-9247C47F49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JavaFX in Action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A000531-C148-22AE-45FA-C7FB04DCA2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025-05-07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B0A3AF0-C07B-2D08-5786-1B15A52948B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D9B366D-1157-B4A1-D399-F7F82D280F7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After Dark Bites &amp; Byt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1905459"/>
      </p:ext>
    </p:extLst>
  </p:cSld>
  <p:clrMapOvr>
    <a:masterClrMapping/>
  </p:clrMapOvr>
  <p:transition spd="slow">
    <p:push dir="u"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BB953-54A9-AC04-8929-C920C0AF43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C7EDFFE-C666-FA7E-D501-9CB1A34BB3A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5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6FF8365-5140-693B-6BAB-F007784C73C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9158866"/>
      </p:ext>
    </p:extLst>
  </p:cSld>
  <p:clrMapOvr>
    <a:masterClrMapping/>
  </p:clrMapOvr>
  <p:transition spd="slow">
    <p:push dir="u"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031FD8-A16B-F064-E43D-22D70F1290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BEC61C7-154A-0B36-8980-AECADE5041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XM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F7AA756-0CF5-34BA-8A7D-18447F040F6B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How can one define a form?</a:t>
            </a:r>
          </a:p>
          <a:p>
            <a:pPr lvl="1"/>
            <a:r>
              <a:rPr lang="en-GB" dirty="0"/>
              <a:t>Programmatically</a:t>
            </a:r>
          </a:p>
          <a:p>
            <a:pPr lvl="1"/>
            <a:r>
              <a:rPr lang="en-GB" dirty="0"/>
              <a:t>FXML forma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FD4FF3E-432C-7358-3974-DA1345A978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035AFDA-E441-CC4A-A512-0A7558C8ED2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42956" y="36269"/>
            <a:ext cx="8256907" cy="67854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B269CF64-6FF8-37A8-D35B-A9776B6C8AA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38147" y="1720819"/>
            <a:ext cx="8466527" cy="4949856"/>
          </a:xfrm>
          <a:prstGeom prst="rect">
            <a:avLst/>
          </a:prstGeom>
          <a:ln w="28575">
            <a:solidFill>
              <a:srgbClr val="00B0F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7752709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17C2CB-C030-595E-D6CF-9E6915F4FC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B63E0B-EA8D-9E95-7DEA-BCF964DFF2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e Build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D3B0024-A5DE-2E75-098E-79B3D475E8F2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C’mon? XMLs? Seriously?!!</a:t>
            </a:r>
          </a:p>
          <a:p>
            <a:r>
              <a:rPr lang="en-GB" dirty="0"/>
              <a:t>Scene Build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BC94F57-7D6F-7202-3342-DFA3FFFD6E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AFC8BE6-04ED-A7D1-6097-5E7FB786DE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63554" y="490888"/>
            <a:ext cx="10199571" cy="61453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766676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8B3976-9E06-2B86-0FF3-AFF6D04261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CE48C74-EB1C-0DC7-B3DC-4F25322866C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614FAC0-3CB7-EFDE-8649-7B53A210DB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6740677"/>
      </p:ext>
    </p:extLst>
  </p:cSld>
  <p:clrMapOvr>
    <a:masterClrMapping/>
  </p:clrMapOvr>
  <p:transition spd="slow">
    <p:push dir="u"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C451DB-0B51-B447-4ED7-2C6D56C784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57517A-E361-E661-232C-19A9A1AC53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00C6A75-072B-2EFF-4422-98B0F9FA658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Event is an outcome of an action.</a:t>
            </a:r>
          </a:p>
          <a:p>
            <a:r>
              <a:rPr lang="en-GB" dirty="0"/>
              <a:t>Action can be (pressing, clicking, scrolling, rotating, touching, dragging …).</a:t>
            </a:r>
          </a:p>
          <a:p>
            <a:r>
              <a:rPr lang="en-GB" dirty="0"/>
              <a:t>Event types (mouse, key, drag, window).</a:t>
            </a:r>
          </a:p>
          <a:p>
            <a:endParaRPr lang="en-GB" dirty="0"/>
          </a:p>
          <a:p>
            <a:r>
              <a:rPr lang="en-GB" dirty="0"/>
              <a:t>Pulse 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an event that indicates to the JavaFX scene graph that it’s time to synchronize the state of the elements on the scene graph with Prism</a:t>
            </a:r>
            <a:endParaRPr lang="en-GB" b="0" i="0" dirty="0">
              <a:solidFill>
                <a:srgbClr val="222222"/>
              </a:solidFill>
              <a:effectLst/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throttled at 60 frames per second (fps) maximum</a:t>
            </a:r>
            <a:endParaRPr lang="en-GB" dirty="0">
              <a:solidFill>
                <a:srgbClr val="222222"/>
              </a:solidFill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fired whenever animations are running on the scene graph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scheduled when something in the scene graph is changed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lass Windowing Toolkit is responsible for executing the pulse events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FEDCF9-25DF-2EB2-BA8F-A83310F980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4</a:t>
            </a:fld>
            <a:endParaRPr lang="en-GB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DBCD154D-A4B4-F489-D58C-136B6DBBFC10}"/>
              </a:ext>
            </a:extLst>
          </p:cNvPr>
          <p:cNvGraphicFramePr>
            <a:graphicFrameLocks noGrp="1"/>
          </p:cNvGraphicFramePr>
          <p:nvPr/>
        </p:nvGraphicFramePr>
        <p:xfrm>
          <a:off x="4064001" y="63371"/>
          <a:ext cx="8127999" cy="672592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628953205"/>
                    </a:ext>
                  </a:extLst>
                </a:gridCol>
                <a:gridCol w="2252971">
                  <a:extLst>
                    <a:ext uri="{9D8B030D-6E8A-4147-A177-3AD203B41FA5}">
                      <a16:colId xmlns:a16="http://schemas.microsoft.com/office/drawing/2014/main" val="4052896558"/>
                    </a:ext>
                  </a:extLst>
                </a:gridCol>
                <a:gridCol w="3165695">
                  <a:extLst>
                    <a:ext uri="{9D8B030D-6E8A-4147-A177-3AD203B41FA5}">
                      <a16:colId xmlns:a16="http://schemas.microsoft.com/office/drawing/2014/main" val="67133746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User Action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 Type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 err="1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Handler</a:t>
                      </a:r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 Properties</a:t>
                      </a: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20068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, releasing, or typing a key on keyboar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Key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Key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Ty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54344095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ving, Clicking, or dragging the mouse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Click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Mov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Exi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7569658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ressing, Dragging, and Releasing of the mouse button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Enter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Over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2128785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Generating, Changing, Removing or Committing input from an alternate metho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InputMethod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InputMethodTextChan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429572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erforming Drag and Drop actions supported by the platfor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Detec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on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rop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Over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9304835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Scroll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Scroll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croll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24333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Rotat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Finish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Star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152517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ing an object upwards, downwards, to the right and lef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UP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Down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Lef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Righ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5801489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Touch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Touch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TouchMov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Stationary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6767370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ing on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Zoom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8913716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Requesting Context Menu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ContextMenu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ContextMenuReques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3516035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 a button, showing or hiding a combo box, selecting a menu ite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Action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1607786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diting an item.</a:t>
                      </a:r>
                    </a:p>
                  </a:txBody>
                  <a:tcPr marL="76200" marR="76200" marT="76200" marB="76200" anchor="ctr"/>
                </a:tc>
                <a:tc gridSpan="2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ListView.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ableColumn.Cell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reeView.Edit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 hMerge="1">
                  <a:txBody>
                    <a:bodyPr/>
                    <a:lstStyle/>
                    <a:p>
                      <a:pPr algn="l"/>
                      <a:endParaRPr lang="en-US" sz="1100" dirty="0">
                        <a:effectLst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1490010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ncountering an error in a media player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MediaError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631709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>
                          <a:effectLst/>
                          <a:latin typeface="+mn-lt"/>
                        </a:rPr>
                        <a:t>Showing or Hiding Menu, Hiding a pop-up window, Selecting or Closing a Tab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5034935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howing, Minimizing, or Closing a Window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Window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085600143"/>
                  </a:ext>
                </a:extLst>
              </a:tr>
            </a:tbl>
          </a:graphicData>
        </a:graphic>
      </p:graphicFrame>
      <p:pic>
        <p:nvPicPr>
          <p:cNvPr id="13" name="Picture 12">
            <a:extLst>
              <a:ext uri="{FF2B5EF4-FFF2-40B4-BE49-F238E27FC236}">
                <a16:creationId xmlns:a16="http://schemas.microsoft.com/office/drawing/2014/main" id="{87546043-6513-FD22-510C-C90CA2D570A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8768" y="5377947"/>
            <a:ext cx="12107909" cy="111727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265138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1500"/>
                            </p:stCondLst>
                            <p:childTnLst>
                              <p:par>
                                <p:cTn id="3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2000"/>
                            </p:stCondLst>
                            <p:childTnLst>
                              <p:par>
                                <p:cTn id="3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1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2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F6E5D1-DEC9-5A0B-D48C-87F189C8A0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EA8DF4-2396-F198-32A1-15C024C81F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4667D51-C42E-2C50-5540-AA9B15793B4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1BF2C3-ACC7-1080-BB5B-7613587155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18D94D6-6B5D-DEB3-B1BE-84F54A58B67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771" y="515199"/>
            <a:ext cx="10921766" cy="63331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309949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4A43969-A6FD-1386-9173-0328DE8F42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DE44FC-71C7-659D-DA3C-04B42CBA33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6CF7F25-9970-A878-5E8B-5EA95B3067D9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perty model - JavaBeans component architecture.</a:t>
            </a:r>
          </a:p>
          <a:p>
            <a:r>
              <a:rPr lang="en-US" dirty="0"/>
              <a:t>Properties of a bean are the things you can change that affect internal state or its appearance.</a:t>
            </a:r>
          </a:p>
          <a:p>
            <a:r>
              <a:rPr lang="en-US" dirty="0"/>
              <a:t>A </a:t>
            </a:r>
            <a:r>
              <a:rPr lang="en-US" i="1" dirty="0"/>
              <a:t>bound</a:t>
            </a:r>
            <a:r>
              <a:rPr lang="en-US" dirty="0"/>
              <a:t> property notifies listeners when its value changes.</a:t>
            </a:r>
          </a:p>
          <a:p>
            <a:r>
              <a:rPr lang="en-US" dirty="0"/>
              <a:t>Constrained property – veto listeners stops the change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A3D27D-22CC-4F2F-A0EF-5DE8CF3E74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3B4DA5BB-612D-E97B-BBD9-8D59039B35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3076167"/>
            <a:ext cx="2578530" cy="844297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D41279E-437A-ADE8-272F-8EA4032F5BD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7833" y="3076167"/>
            <a:ext cx="6249272" cy="29245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465549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4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9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92E6F3-1100-077C-9002-22AFE44AD6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37F007D-5C4A-2F34-E974-A063859372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3F443-04DE-26C8-792D-1B115357879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US" dirty="0"/>
              <a:t>Properties are the things you can change that affect its appearance or internal state.</a:t>
            </a:r>
            <a:endParaRPr lang="en-GB" dirty="0"/>
          </a:p>
          <a:p>
            <a:r>
              <a:rPr lang="en-GB" dirty="0"/>
              <a:t>Properties implement Observable and </a:t>
            </a:r>
            <a:r>
              <a:rPr lang="en-GB" dirty="0" err="1"/>
              <a:t>ObservableValue</a:t>
            </a:r>
            <a:r>
              <a:rPr lang="en-GB" dirty="0"/>
              <a:t> interfaces.</a:t>
            </a:r>
          </a:p>
          <a:p>
            <a:r>
              <a:rPr lang="en-GB" dirty="0"/>
              <a:t>Add a listener to a property.</a:t>
            </a:r>
          </a:p>
          <a:p>
            <a:r>
              <a:rPr lang="en-GB" dirty="0"/>
              <a:t>When property changes, listener is executed.</a:t>
            </a:r>
          </a:p>
          <a:p>
            <a:r>
              <a:rPr lang="en-GB" i="1" dirty="0" err="1"/>
              <a:t>InvalidationListener</a:t>
            </a:r>
            <a:r>
              <a:rPr lang="en-GB" i="1" dirty="0"/>
              <a:t> </a:t>
            </a:r>
            <a:r>
              <a:rPr lang="en-GB" dirty="0"/>
              <a:t>and </a:t>
            </a:r>
            <a:r>
              <a:rPr lang="en-GB" i="1" dirty="0" err="1"/>
              <a:t>ChangeListener</a:t>
            </a:r>
            <a:endParaRPr lang="en-GB" i="1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C989FAA-C1B2-2098-EC4C-AE791E9E9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4C28083-2738-AB7E-E6E7-4051DD705D8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4461875"/>
            <a:ext cx="11145805" cy="139084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AF49077-5164-7E40-6EF3-47034525B1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48980" y="1721902"/>
            <a:ext cx="6744641" cy="11431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74B117C0-8D00-CF93-4ECD-A1D0B8A0C8D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5738" y="2887889"/>
            <a:ext cx="8106906" cy="155279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82233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2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3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6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376DE2-FBF9-0963-FB0D-B7AF09C4A7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0782E7D-44AB-15F1-041D-D082D0C380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 - 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D798F-CFA6-6601-43DC-0DD132B5413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AD7EB6E-EF74-F24B-6DB5-F527CADC29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DEDE1A5-DBB5-16AA-59A6-11302BDC0D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5875" y="603514"/>
            <a:ext cx="12004674" cy="60948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995860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B81ED5-D2DE-3B0A-C829-E3D653EEF3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92E7B-0B1D-034A-E508-B8BD354A6A1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  <a:endParaRPr lang="en-GB" sz="2800" dirty="0"/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8619E1-E75A-3DCE-E4DC-698EF34B968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9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9790014"/>
      </p:ext>
    </p:extLst>
  </p:cSld>
  <p:clrMapOvr>
    <a:masterClrMapping/>
  </p:clrMapOvr>
  <p:transition spd="slow">
    <p:push dir="u"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60EBBEB-B3C4-5E66-74FE-68AAF2B937E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1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/>
              <a:t>Action &amp; Q </a:t>
            </a:r>
            <a:r>
              <a:rPr lang="en-GB" sz="2800"/>
              <a:t>&amp; A</a:t>
            </a:r>
            <a:endParaRPr lang="en-GB" sz="28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2E431AE-2BAD-E5EF-45E2-0BBB55DECA0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102291"/>
      </p:ext>
    </p:extLst>
  </p:cSld>
  <p:clrMapOvr>
    <a:masterClrMapping/>
  </p:clrMapOvr>
  <p:transition spd="slow">
    <p:push dir="u"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7305F6-6396-D491-CD8C-A2CFC8465F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AD9DA9D-27E1-17D9-2D3F-B1A8BEA2A7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y bind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070DE70-EB3B-016E-8F1A-4909C1CC7E9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Very handy when changes in UI should be reflected in business logic.</a:t>
            </a:r>
          </a:p>
          <a:p>
            <a:r>
              <a:rPr lang="en-GB" dirty="0"/>
              <a:t>High-Level Binding API</a:t>
            </a:r>
          </a:p>
          <a:p>
            <a:r>
              <a:rPr lang="en-GB" dirty="0"/>
              <a:t>Low-Level Binding API</a:t>
            </a:r>
          </a:p>
          <a:p>
            <a:r>
              <a:rPr lang="en-GB" dirty="0"/>
              <a:t>Uni- and bi-directional binding</a:t>
            </a:r>
          </a:p>
          <a:p>
            <a:pPr lvl="1"/>
            <a:r>
              <a:rPr lang="en-GB" dirty="0"/>
              <a:t>Unidirectional -&gt; </a:t>
            </a:r>
            <a:r>
              <a:rPr lang="en-GB" i="1" dirty="0" err="1"/>
              <a:t>label.textProperty</a:t>
            </a:r>
            <a:r>
              <a:rPr lang="en-GB" i="1" dirty="0"/>
              <a:t>().bind(</a:t>
            </a:r>
            <a:r>
              <a:rPr lang="en-GB" i="1" dirty="0" err="1"/>
              <a:t>textField.textProperty</a:t>
            </a:r>
            <a:r>
              <a:rPr lang="en-GB" i="1" dirty="0"/>
              <a:t>())</a:t>
            </a:r>
            <a:r>
              <a:rPr lang="en-GB" dirty="0"/>
              <a:t> </a:t>
            </a:r>
          </a:p>
          <a:p>
            <a:pPr lvl="1"/>
            <a:r>
              <a:rPr lang="en-GB" dirty="0"/>
              <a:t>Bidirectional -&gt;  </a:t>
            </a:r>
            <a:r>
              <a:rPr lang="en-GB" i="1" dirty="0" err="1"/>
              <a:t>textField.textProperty</a:t>
            </a:r>
            <a:r>
              <a:rPr lang="en-GB" i="1" dirty="0"/>
              <a:t>().</a:t>
            </a:r>
            <a:r>
              <a:rPr lang="en-GB" i="1" dirty="0" err="1"/>
              <a:t>bindBidirectional</a:t>
            </a:r>
            <a:r>
              <a:rPr lang="en-GB" i="1" dirty="0"/>
              <a:t>(</a:t>
            </a:r>
            <a:r>
              <a:rPr lang="en-GB" i="1" dirty="0" err="1"/>
              <a:t>bean.nameProperty</a:t>
            </a:r>
            <a:r>
              <a:rPr lang="en-GB" i="1" dirty="0"/>
              <a:t>())</a:t>
            </a:r>
          </a:p>
          <a:p>
            <a:r>
              <a:rPr lang="en-GB" dirty="0"/>
              <a:t>Additional mapping activity is need when persisting data (or earlier)</a:t>
            </a:r>
          </a:p>
          <a:p>
            <a:pPr lvl="1"/>
            <a:r>
              <a:rPr lang="en-GB" dirty="0" err="1"/>
              <a:t>Gson</a:t>
            </a:r>
            <a:r>
              <a:rPr lang="en-GB" dirty="0"/>
              <a:t> a custom </a:t>
            </a:r>
            <a:r>
              <a:rPr lang="en-GB" dirty="0" err="1"/>
              <a:t>TypeAdapter</a:t>
            </a:r>
            <a:endParaRPr lang="en-GB" dirty="0"/>
          </a:p>
          <a:p>
            <a:pPr lvl="1"/>
            <a:r>
              <a:rPr lang="en-GB" dirty="0"/>
              <a:t>Use FX </a:t>
            </a:r>
            <a:r>
              <a:rPr lang="en-GB" dirty="0" err="1"/>
              <a:t>Gson</a:t>
            </a:r>
            <a:r>
              <a:rPr lang="en-GB" dirty="0"/>
              <a:t> (</a:t>
            </a:r>
            <a:r>
              <a:rPr lang="en-GB" dirty="0">
                <a:hlinkClick r:id="rId5"/>
              </a:rPr>
              <a:t>https://github.com/joffrey-bion/fx-gson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@Entity have not tried ye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2955BD1-AF5D-70B8-9A52-8BA4CC3DCC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89A2336-05C5-A102-65D2-387DE3666DF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15951" y="5471142"/>
            <a:ext cx="6296904" cy="30484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1231DB9-D82B-F129-D25E-4CA660DE539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015951" y="5967162"/>
            <a:ext cx="6154009" cy="4572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5333059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5500"/>
                            </p:stCondLst>
                            <p:childTnLst>
                              <p:par>
                                <p:cTn id="50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605237-F71F-5F45-506B-105BD21A69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56B9F6C-5D29-A146-0E67-25A1D8585CC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4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5F512E0-35DD-610C-C424-66AEFBFC08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0795800"/>
      </p:ext>
    </p:extLst>
  </p:cSld>
  <p:clrMapOvr>
    <a:masterClrMapping/>
  </p:clrMapOvr>
  <p:transition spd="slow">
    <p:push dir="u"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70DE33-FF69-3D04-DCEE-2C3354A171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F9DFF3D-2EA7-5C78-84DA-4721521FC4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8034500-2FD6-CD00-278A-DA8525FC0FBA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fontScale="92500" lnSpcReduction="10000"/>
          </a:bodyPr>
          <a:lstStyle/>
          <a:p>
            <a:r>
              <a:rPr lang="en-US" dirty="0"/>
              <a:t>Scene graph - is not thread-safe.</a:t>
            </a:r>
          </a:p>
          <a:p>
            <a:r>
              <a:rPr lang="en-US" dirty="0"/>
              <a:t>Scene graph can only be accessed and modified from the JavaFX Application thread.</a:t>
            </a:r>
          </a:p>
          <a:p>
            <a:r>
              <a:rPr lang="en-US" dirty="0"/>
              <a:t>At the system level,</a:t>
            </a:r>
            <a:r>
              <a:rPr lang="en-US" b="1" dirty="0"/>
              <a:t> </a:t>
            </a:r>
            <a:r>
              <a:rPr lang="en-US" dirty="0"/>
              <a:t>the JVM creates separate threads for running and rendering the application.</a:t>
            </a:r>
          </a:p>
          <a:p>
            <a:pPr lvl="1"/>
            <a:r>
              <a:rPr lang="en-US" dirty="0"/>
              <a:t>Application thread – a primary thread of any JavaFX application. All the live nodes and components are attached to this thread.</a:t>
            </a:r>
            <a:endParaRPr lang="en-US" i="1" dirty="0"/>
          </a:p>
          <a:p>
            <a:pPr lvl="1"/>
            <a:r>
              <a:rPr lang="en-US" i="1" dirty="0"/>
              <a:t>Prism </a:t>
            </a:r>
            <a:r>
              <a:rPr lang="en-US" dirty="0"/>
              <a:t>render thread – responsible for rendering the </a:t>
            </a:r>
            <a:r>
              <a:rPr lang="en-US" i="1" dirty="0"/>
              <a:t>Scene Graph</a:t>
            </a:r>
            <a:r>
              <a:rPr lang="en-US" dirty="0"/>
              <a:t> separately.</a:t>
            </a:r>
          </a:p>
          <a:p>
            <a:pPr lvl="1"/>
            <a:r>
              <a:rPr lang="en-US" dirty="0"/>
              <a:t>Media thread - runs in the background and synchronizes the latest frames through the scene graph by using the JavaFX application thread.</a:t>
            </a:r>
          </a:p>
          <a:p>
            <a:r>
              <a:rPr lang="en-US" dirty="0"/>
              <a:t>Long-running tasks on the JavaFX Application thread inevitably make an application UI unresponsive. </a:t>
            </a:r>
          </a:p>
          <a:p>
            <a:r>
              <a:rPr lang="en-US" dirty="0"/>
              <a:t>A best practice is to do long-running tasks on one or more background threads and let the JavaFX Application thread process user events.</a:t>
            </a:r>
          </a:p>
          <a:p>
            <a:r>
              <a:rPr lang="en-US" dirty="0"/>
              <a:t>Create </a:t>
            </a:r>
            <a:r>
              <a:rPr lang="en-US" i="1" dirty="0"/>
              <a:t>Runnable</a:t>
            </a:r>
            <a:r>
              <a:rPr lang="en-US" dirty="0"/>
              <a:t> (or </a:t>
            </a:r>
            <a:r>
              <a:rPr lang="en-US" i="1" dirty="0"/>
              <a:t>Callable</a:t>
            </a:r>
            <a:r>
              <a:rPr lang="en-US" dirty="0"/>
              <a:t>) and run it in a new thread.</a:t>
            </a:r>
          </a:p>
          <a:p>
            <a:pPr lvl="1"/>
            <a:r>
              <a:rPr lang="en-US" dirty="0"/>
              <a:t>More flexibility, but is error-prone.</a:t>
            </a:r>
          </a:p>
          <a:p>
            <a:pPr lvl="1"/>
            <a:r>
              <a:rPr lang="en-US" dirty="0"/>
              <a:t>Use </a:t>
            </a:r>
            <a:r>
              <a:rPr lang="en-US" i="1" dirty="0" err="1"/>
              <a:t>javafx.concurrent</a:t>
            </a:r>
            <a:r>
              <a:rPr lang="en-US" dirty="0"/>
              <a:t> package, which takes care of multithreaded code that interacts with the UI and ensures that this interaction happens on the correct thread.</a:t>
            </a:r>
          </a:p>
          <a:p>
            <a:pPr lvl="1"/>
            <a:r>
              <a:rPr lang="en-GB" dirty="0">
                <a:hlinkClick r:id="rId5"/>
              </a:rPr>
              <a:t>https://docs.oracle.com/javafx/2/threads/jfxpub-threads.htm</a:t>
            </a:r>
            <a:r>
              <a:rPr lang="en-US" dirty="0"/>
              <a:t> 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8CB48A-5FE0-6774-504D-C6CF33AB7E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165805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1000"/>
                            </p:stCondLst>
                            <p:childTnLst>
                              <p:par>
                                <p:cTn id="2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1500"/>
                            </p:stCondLst>
                            <p:childTnLst>
                              <p:par>
                                <p:cTn id="2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500"/>
                            </p:stCondLst>
                            <p:childTnLst>
                              <p:par>
                                <p:cTn id="4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1000"/>
                            </p:stCondLst>
                            <p:childTnLst>
                              <p:par>
                                <p:cTn id="5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3" fill="hold">
                            <p:stCondLst>
                              <p:cond delay="1500"/>
                            </p:stCondLst>
                            <p:childTnLst>
                              <p:par>
                                <p:cTn id="5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65F32B-5CFF-8771-D7CB-E123D5EAC89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53B3C3B-341D-83CB-C2DE-4B70716512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Task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167D927-DE76-0D0B-2370-7E666121D9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Enables developers to implement asynchronous tasks in JavaFX applications.</a:t>
            </a:r>
          </a:p>
          <a:p>
            <a:r>
              <a:rPr lang="en-US" dirty="0"/>
              <a:t>Inherits from the </a:t>
            </a:r>
            <a:r>
              <a:rPr lang="en-US" i="1" dirty="0" err="1"/>
              <a:t>java.utils.concurrent.FutureTask</a:t>
            </a:r>
            <a:r>
              <a:rPr lang="en-US" dirty="0"/>
              <a:t> (</a:t>
            </a:r>
            <a:r>
              <a:rPr lang="en-US" i="1" dirty="0"/>
              <a:t>Runnable</a:t>
            </a:r>
            <a:r>
              <a:rPr lang="en-US" dirty="0"/>
              <a:t>) class, internally uses </a:t>
            </a:r>
            <a:r>
              <a:rPr lang="en-US" i="1" dirty="0"/>
              <a:t>Callable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You can call it directly by using the </a:t>
            </a:r>
            <a:r>
              <a:rPr lang="en-US" i="1" dirty="0" err="1"/>
              <a:t>FutureTask.run</a:t>
            </a:r>
            <a:r>
              <a:rPr lang="en-US" i="1" dirty="0"/>
              <a:t>()</a:t>
            </a:r>
            <a:r>
              <a:rPr lang="en-US" dirty="0"/>
              <a:t> method, which enables calling this task from another background thread.</a:t>
            </a:r>
          </a:p>
          <a:p>
            <a:r>
              <a:rPr lang="en-US" i="1" dirty="0"/>
              <a:t>C</a:t>
            </a:r>
            <a:r>
              <a:rPr lang="en-US" dirty="0"/>
              <a:t>an be used within the Java concurrency Executor API.</a:t>
            </a:r>
          </a:p>
          <a:p>
            <a:r>
              <a:rPr lang="en-US" i="1" dirty="0"/>
              <a:t>C</a:t>
            </a:r>
            <a:r>
              <a:rPr lang="en-US" dirty="0"/>
              <a:t>an be passed to a thread as a parameter. </a:t>
            </a:r>
          </a:p>
          <a:p>
            <a:endParaRPr lang="en-US" dirty="0"/>
          </a:p>
          <a:p>
            <a:r>
              <a:rPr lang="en-US" dirty="0"/>
              <a:t>Method </a:t>
            </a:r>
            <a:r>
              <a:rPr lang="en-US" i="1" dirty="0"/>
              <a:t>call</a:t>
            </a:r>
            <a:r>
              <a:rPr lang="en-US" dirty="0"/>
              <a:t> can only manipulate states that are safe to read and write from a background thread.</a:t>
            </a:r>
          </a:p>
          <a:p>
            <a:pPr lvl="1"/>
            <a:r>
              <a:rPr lang="en-US" dirty="0">
                <a:solidFill>
                  <a:srgbClr val="FF0000"/>
                </a:solidFill>
              </a:rPr>
              <a:t>Manipulating an active scene graph from the call method throws runtime exceptions.</a:t>
            </a:r>
          </a:p>
          <a:p>
            <a:r>
              <a:rPr lang="en-US" dirty="0"/>
              <a:t>Inside the call method, you can use the </a:t>
            </a:r>
            <a:r>
              <a:rPr lang="en-US" i="1" dirty="0" err="1"/>
              <a:t>updateProgress</a:t>
            </a:r>
            <a:r>
              <a:rPr lang="en-US" dirty="0"/>
              <a:t>, </a:t>
            </a:r>
            <a:r>
              <a:rPr lang="en-US" i="1" dirty="0" err="1"/>
              <a:t>updateMessage</a:t>
            </a:r>
            <a:r>
              <a:rPr lang="en-US" dirty="0"/>
              <a:t>, </a:t>
            </a:r>
            <a:r>
              <a:rPr lang="en-US" i="1" dirty="0" err="1"/>
              <a:t>updateTitle</a:t>
            </a:r>
            <a:r>
              <a:rPr lang="en-US" dirty="0"/>
              <a:t> methods.</a:t>
            </a:r>
          </a:p>
          <a:p>
            <a:r>
              <a:rPr lang="en-US" dirty="0"/>
              <a:t>The above methods update the values of the corresponding properties on the JavaFX Application thread.</a:t>
            </a:r>
          </a:p>
          <a:p>
            <a:r>
              <a:rPr lang="en-US" dirty="0"/>
              <a:t>It defines a one-time object that cannot be reused. If you need a reusable object, use the </a:t>
            </a:r>
            <a:r>
              <a:rPr lang="en-US" i="1" dirty="0"/>
              <a:t>Service</a:t>
            </a:r>
            <a:r>
              <a:rPr lang="en-US" dirty="0"/>
              <a:t> class.</a:t>
            </a:r>
            <a:endParaRPr lang="en-GB" dirty="0"/>
          </a:p>
          <a:p>
            <a:endParaRPr lang="en-US" dirty="0"/>
          </a:p>
          <a:p>
            <a:r>
              <a:rPr lang="en-US" dirty="0"/>
              <a:t>Having a good understanding of the Java concurrency API will help you understand concurrency in JavaFX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B232AC5-60E8-11D0-9871-EF2ED5EDB7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123711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1000"/>
                            </p:stCondLst>
                            <p:childTnLst>
                              <p:par>
                                <p:cTn id="34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7" fill="hold">
                            <p:stCondLst>
                              <p:cond delay="1500"/>
                            </p:stCondLst>
                            <p:childTnLst>
                              <p:par>
                                <p:cTn id="3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2000"/>
                            </p:stCondLst>
                            <p:childTnLst>
                              <p:par>
                                <p:cTn id="4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660E31-396D-6AAB-F8A9-77845C2D85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3C4A99D-0623-CF5B-34B5-3181B2211B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Service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5E0AC1C6-C2F2-7450-B8F7-FF7C86104F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The purpose of this class is to help the developer to implement the correct interaction between the background threads and the JavaFX Application thread.</a:t>
            </a:r>
          </a:p>
          <a:p>
            <a:r>
              <a:rPr lang="en-US" dirty="0"/>
              <a:t>Is designed to execute a </a:t>
            </a:r>
            <a:r>
              <a:rPr lang="en-US" i="1" dirty="0"/>
              <a:t>Task</a:t>
            </a:r>
            <a:r>
              <a:rPr lang="en-US" dirty="0"/>
              <a:t> object on one or several background threads.</a:t>
            </a:r>
          </a:p>
          <a:p>
            <a:r>
              <a:rPr lang="en-US" dirty="0"/>
              <a:t>Class methods and states must only be accessed on the JavaFX Application thread.</a:t>
            </a:r>
          </a:p>
          <a:p>
            <a:endParaRPr lang="en-US" dirty="0"/>
          </a:p>
          <a:p>
            <a:r>
              <a:rPr lang="en-US" dirty="0"/>
              <a:t>You can </a:t>
            </a:r>
            <a:r>
              <a:rPr lang="en-US" i="1" dirty="0"/>
              <a:t>start</a:t>
            </a:r>
            <a:r>
              <a:rPr lang="en-US" dirty="0"/>
              <a:t>, </a:t>
            </a:r>
            <a:r>
              <a:rPr lang="en-US" i="1" dirty="0"/>
              <a:t>cancel</a:t>
            </a:r>
            <a:r>
              <a:rPr lang="en-US" dirty="0"/>
              <a:t> and </a:t>
            </a:r>
            <a:r>
              <a:rPr lang="en-US" i="1" dirty="0"/>
              <a:t>restart</a:t>
            </a:r>
            <a:r>
              <a:rPr lang="en-US" dirty="0"/>
              <a:t> (</a:t>
            </a:r>
            <a:r>
              <a:rPr lang="en-US" i="1" dirty="0"/>
              <a:t>Worker</a:t>
            </a:r>
            <a:r>
              <a:rPr lang="en-US" dirty="0"/>
              <a:t>).</a:t>
            </a:r>
          </a:p>
          <a:p>
            <a:r>
              <a:rPr lang="en-US" dirty="0"/>
              <a:t>You can observe the state of the background work and optionally cancel it.</a:t>
            </a:r>
          </a:p>
          <a:p>
            <a:r>
              <a:rPr lang="en-US" dirty="0"/>
              <a:t>Later, you can reset the service and restart it. Thus, the service can be defined declaratively and restarted on demand.</a:t>
            </a:r>
          </a:p>
          <a:p>
            <a:endParaRPr lang="en-US" dirty="0"/>
          </a:p>
          <a:p>
            <a:r>
              <a:rPr lang="en-US" dirty="0"/>
              <a:t>Can be executed in one of the following ways:</a:t>
            </a:r>
          </a:p>
          <a:p>
            <a:pPr lvl="1"/>
            <a:r>
              <a:rPr lang="en-US" dirty="0"/>
              <a:t>by a custom </a:t>
            </a:r>
            <a:r>
              <a:rPr lang="en-US" i="1" dirty="0"/>
              <a:t>Executor</a:t>
            </a:r>
            <a:r>
              <a:rPr lang="en-US" dirty="0"/>
              <a:t> object, if it is specified for the given service,</a:t>
            </a:r>
          </a:p>
          <a:p>
            <a:pPr lvl="1"/>
            <a:r>
              <a:rPr lang="en-US" dirty="0"/>
              <a:t>by a daemon thread, if no executor </a:t>
            </a:r>
            <a:r>
              <a:rPr lang="en-US"/>
              <a:t>is specified</a:t>
            </a:r>
            <a:r>
              <a:rPr lang="en-US" dirty="0"/>
              <a:t>.</a:t>
            </a:r>
          </a:p>
          <a:p>
            <a:r>
              <a:rPr lang="en-US" dirty="0"/>
              <a:t>If no executor is specified then the default executor is a </a:t>
            </a:r>
            <a:r>
              <a:rPr lang="en-US" i="1" dirty="0" err="1"/>
              <a:t>ThreadPoolExecutor</a:t>
            </a:r>
            <a:r>
              <a:rPr lang="en-US" i="1" dirty="0"/>
              <a:t>.</a:t>
            </a:r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FE2024-9F57-6097-FC0C-4E3346718F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082844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2" fill="hold">
                            <p:stCondLst>
                              <p:cond delay="1500"/>
                            </p:stCondLst>
                            <p:childTnLst>
                              <p:par>
                                <p:cTn id="4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0141DA-2673-2B1D-E276-CCE1481489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6AE3386-020B-1F35-25AF-75141E0F6E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examp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D307B40-B19F-9B45-113F-76D8420C8F18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/>
          </a:bodyPr>
          <a:lstStyle/>
          <a:p>
            <a:endParaRPr lang="en-US" i="1" dirty="0"/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58EB9E-8079-1BF0-1F32-B2EB9394FF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A98B29A-0410-5F47-D829-C987C20760C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58433" y="40192"/>
            <a:ext cx="5310712" cy="382865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77E4A47-4D9C-5BDC-911D-CE384DF729F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533997" y="3888941"/>
            <a:ext cx="9084010" cy="284202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0BF7D2AA-0232-E4A5-DECC-59BA23E5829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51153" y="1153570"/>
            <a:ext cx="5525271" cy="3562847"/>
          </a:xfrm>
          <a:prstGeom prst="rect">
            <a:avLst/>
          </a:prstGeom>
          <a:ln w="19050">
            <a:solidFill>
              <a:schemeClr val="accent4">
                <a:lumMod val="90000"/>
              </a:schemeClr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016014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8F517D6-3593-F3B2-6FDD-5DBB326107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7B696E6-2717-DCFF-08A3-288C29953E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7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8120325-6E97-AD49-3A3D-8F1D374C87D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667221"/>
      </p:ext>
    </p:extLst>
  </p:cSld>
  <p:clrMapOvr>
    <a:masterClrMapping/>
  </p:clrMapOvr>
  <p:transition spd="slow">
    <p:push dir="u"/>
  </p:transition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0B20B6-AC86-C810-2BEE-1D026F6819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B82B5C-267C-FDFC-7232-800243B971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 – Transformation - Animation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18DD8D9-8C93-CF9D-C3F3-A976838D76AC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/>
          </a:bodyPr>
          <a:lstStyle/>
          <a:p>
            <a:r>
              <a:rPr lang="en-US" dirty="0"/>
              <a:t>JavaFX CSS customize styling of the UI without changing any of application's source code.</a:t>
            </a:r>
            <a:endParaRPr lang="en-GB" dirty="0"/>
          </a:p>
          <a:p>
            <a:r>
              <a:rPr lang="en-US" b="0" i="0" dirty="0">
                <a:solidFill>
                  <a:srgbClr val="2C2F34"/>
                </a:solidFill>
                <a:effectLst/>
              </a:rPr>
              <a:t>Transformations are modifications to visual representation of nodes allowing to achieve effects like: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</a:rPr>
              <a:t>transl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</a:rPr>
              <a:t>rot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</a:rPr>
              <a:t>scaling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</a:rPr>
              <a:t>shearing</a:t>
            </a:r>
          </a:p>
          <a:p>
            <a:r>
              <a:rPr lang="en-GB" dirty="0"/>
              <a:t>Animation - </a:t>
            </a:r>
            <a:r>
              <a:rPr lang="en-US" b="0" i="0" dirty="0">
                <a:solidFill>
                  <a:srgbClr val="000000"/>
                </a:solidFill>
                <a:effectLst/>
              </a:rPr>
              <a:t>creating illusion of a motion by rapid display, it’s used to visually enhance an application.</a:t>
            </a:r>
          </a:p>
          <a:p>
            <a:pPr lvl="1"/>
            <a:r>
              <a:rPr lang="en-US" b="0" i="0" dirty="0">
                <a:solidFill>
                  <a:srgbClr val="000000"/>
                </a:solidFill>
                <a:effectLst/>
              </a:rPr>
              <a:t>Animations are used in an application to add certain special visual effects on elements</a:t>
            </a:r>
          </a:p>
          <a:p>
            <a:pPr lvl="1"/>
            <a:r>
              <a:rPr lang="en-GB" dirty="0"/>
              <a:t>Fade Transition, Fill Transition, Rotate Transition, Scale Transition, Stroke Transition, Translate Transition, Path Transition, Sequential Transition, Pause Transition, Parallel Trans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530D12-6C38-FDD2-2699-AF9E78EE51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266641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1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E3A6D6-AA29-DD94-14AF-D8CF58D6AB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0EC8D3A-6F6B-AD21-D438-CF0B04C313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4B9A1F5-5F28-DED8-0D10-BA78F92F3EF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JavaFX CSS:</a:t>
            </a:r>
          </a:p>
          <a:p>
            <a:pPr lvl="1"/>
            <a:r>
              <a:rPr lang="en-US" dirty="0"/>
              <a:t>can be applied to any node in the scene graph,</a:t>
            </a:r>
          </a:p>
          <a:p>
            <a:pPr lvl="1"/>
            <a:r>
              <a:rPr lang="en-US" dirty="0"/>
              <a:t>are applied to the nodes asynchronously,</a:t>
            </a:r>
          </a:p>
          <a:p>
            <a:pPr lvl="1"/>
            <a:r>
              <a:rPr lang="en-US" dirty="0"/>
              <a:t>can be easily assigned to the scene at runtime, allowing an application's appearance to dynamically change,</a:t>
            </a:r>
          </a:p>
          <a:p>
            <a:pPr lvl="1"/>
            <a:r>
              <a:rPr lang="en-US" dirty="0"/>
              <a:t>is based on the W3C CSS,</a:t>
            </a:r>
          </a:p>
          <a:p>
            <a:pPr lvl="1"/>
            <a:r>
              <a:rPr lang="en-US" dirty="0"/>
              <a:t>allow to be parsed cleanly by any compliant CSS parser,</a:t>
            </a:r>
          </a:p>
          <a:p>
            <a:pPr lvl="1"/>
            <a:r>
              <a:rPr lang="en-US" dirty="0"/>
              <a:t>enables the mixing of CSS styles for JavaFX and for other purposes (such as for HTML pages) into a single style sheet,</a:t>
            </a:r>
          </a:p>
          <a:p>
            <a:pPr lvl="1"/>
            <a:r>
              <a:rPr lang="en-US" dirty="0"/>
              <a:t>all JavaFX property names are prefixed with a vendor extension of ”-</a:t>
            </a:r>
            <a:r>
              <a:rPr lang="en-US" dirty="0" err="1"/>
              <a:t>fx</a:t>
            </a:r>
            <a:r>
              <a:rPr lang="en-US" dirty="0"/>
              <a:t>-”</a:t>
            </a:r>
          </a:p>
          <a:p>
            <a:r>
              <a:rPr lang="en-GB" dirty="0"/>
              <a:t>JavaFX CSS Reference Guide: </a:t>
            </a:r>
          </a:p>
          <a:p>
            <a:pPr lvl="1"/>
            <a:r>
              <a:rPr lang="en-GB" dirty="0">
                <a:hlinkClick r:id="rId5"/>
              </a:rPr>
              <a:t>https://docs.oracle.com/javafx/2/api/javafx/scene/doc-files/cssref.html</a:t>
            </a:r>
            <a:r>
              <a:rPr lang="en-GB" dirty="0"/>
              <a:t> </a:t>
            </a:r>
          </a:p>
          <a:p>
            <a:pPr lvl="1"/>
            <a:r>
              <a:rPr lang="en-GB" dirty="0">
                <a:hlinkClick r:id="rId6"/>
              </a:rPr>
              <a:t>https://eugener.github.io/javafx-css/</a:t>
            </a:r>
            <a:r>
              <a:rPr lang="en-GB" dirty="0"/>
              <a:t>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7A18775-29D7-F9FC-F18E-E8CF108110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8</a:t>
            </a:fld>
            <a:endParaRPr lang="en-GB" dirty="0"/>
          </a:p>
        </p:txBody>
      </p:sp>
      <p:pic>
        <p:nvPicPr>
          <p:cNvPr id="9" name="Content Placeholder 2">
            <a:extLst>
              <a:ext uri="{FF2B5EF4-FFF2-40B4-BE49-F238E27FC236}">
                <a16:creationId xmlns:a16="http://schemas.microsoft.com/office/drawing/2014/main" id="{3FC22D50-9059-3125-A82A-35AD9A31FE3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33189" y="185737"/>
            <a:ext cx="11039833" cy="64849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867311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6370D1-9B38-BA82-1D45-3ABF2FED01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3C32007-A9CB-F841-127E-7477F0C54C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ransforma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26A1B4-B85F-93DE-7763-77B2D6D81C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9</a:t>
            </a:fld>
            <a:endParaRPr lang="en-GB" dirty="0"/>
          </a:p>
        </p:txBody>
      </p:sp>
      <p:pic>
        <p:nvPicPr>
          <p:cNvPr id="1028" name="Picture 4" descr="Rotation Transformation">
            <a:extLst>
              <a:ext uri="{FF2B5EF4-FFF2-40B4-BE49-F238E27FC236}">
                <a16:creationId xmlns:a16="http://schemas.microsoft.com/office/drawing/2014/main" id="{B078C4FE-4B50-120B-8A92-683497AE9CB3}"/>
              </a:ext>
            </a:extLst>
          </p:cNvPr>
          <p:cNvPicPr>
            <a:picLocks noGrp="1" noChangeAspect="1" noChangeArrowheads="1"/>
          </p:cNvPicPr>
          <p:nvPr>
            <p:ph idx="17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738" y="542869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Scaling Transformation">
            <a:extLst>
              <a:ext uri="{FF2B5EF4-FFF2-40B4-BE49-F238E27FC236}">
                <a16:creationId xmlns:a16="http://schemas.microsoft.com/office/drawing/2014/main" id="{D917DBAB-55D9-CBE5-15DD-531AE27CD4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192672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Translate Transformation">
            <a:extLst>
              <a:ext uri="{FF2B5EF4-FFF2-40B4-BE49-F238E27FC236}">
                <a16:creationId xmlns:a16="http://schemas.microsoft.com/office/drawing/2014/main" id="{46CBE901-1A3D-E9C1-B277-6DCD7FEDAA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3464928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Shearing Example">
            <a:extLst>
              <a:ext uri="{FF2B5EF4-FFF2-40B4-BE49-F238E27FC236}">
                <a16:creationId xmlns:a16="http://schemas.microsoft.com/office/drawing/2014/main" id="{F11A8F07-6B02-FAF7-5ACC-A70164E545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5862" y="4100401"/>
            <a:ext cx="3013493" cy="16875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Shearing Example">
            <a:extLst>
              <a:ext uri="{FF2B5EF4-FFF2-40B4-BE49-F238E27FC236}">
                <a16:creationId xmlns:a16="http://schemas.microsoft.com/office/drawing/2014/main" id="{BD899F53-B00E-5157-0008-DC9832EFAA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6955" y="4100401"/>
            <a:ext cx="2703783" cy="26066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054061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00"/>
                                        <p:tgtEl>
                                          <p:spTgt spid="10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1" dur="500"/>
                                        <p:tgtEl>
                                          <p:spTgt spid="10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5" dur="500"/>
                                        <p:tgtEl>
                                          <p:spTgt spid="10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9" dur="500"/>
                                        <p:tgtEl>
                                          <p:spTgt spid="10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2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23" dur="500"/>
                                        <p:tgtEl>
                                          <p:spTgt spid="10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0A5A2B7-EBC1-30FC-459C-919C64BD50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E8999DD-304B-47DB-D3FC-C86E2C6822A5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gramming since 2008 (university time is not included)</a:t>
            </a:r>
          </a:p>
          <a:p>
            <a:r>
              <a:rPr lang="en-GB" dirty="0"/>
              <a:t>Netcompany since 2017</a:t>
            </a:r>
          </a:p>
          <a:p>
            <a:r>
              <a:rPr lang="en-GB" dirty="0"/>
              <a:t>Java star system, JVM planet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“Elegant JavaFX” article </a:t>
            </a:r>
            <a:r>
              <a:rPr lang="en-US" dirty="0">
                <a:solidFill>
                  <a:srgbClr val="202122"/>
                </a:solidFill>
                <a:latin typeface="Arial" panose="020B0604020202020204" pitchFamily="34" charset="0"/>
              </a:rPr>
              <a:t>on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DZone</a:t>
            </a:r>
            <a:endParaRPr lang="en-US" b="0" i="0" dirty="0">
              <a:solidFill>
                <a:srgbClr val="202122"/>
              </a:solidFill>
              <a:effectLst/>
              <a:latin typeface="Arial" panose="020B0604020202020204" pitchFamily="34" charset="0"/>
            </a:endParaRP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applications (… 99, DSH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PdfMerg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Gipt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monitor, jump-host, officer)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661458-F027-6EC3-9873-B8637674E9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D138282-28E1-7D27-5F9E-2BFD06222B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64" y="3795918"/>
            <a:ext cx="4584888" cy="30314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B6F578A-E853-71EA-2601-14E7C6318DE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06561" y="3813583"/>
            <a:ext cx="2656770" cy="300983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5BFF734-6D54-2DBC-1713-1160AFE9DDA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827377" y="505128"/>
            <a:ext cx="5239498" cy="28133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CE880A0-59F3-CCF9-859D-858E73846C0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793475" y="3505357"/>
            <a:ext cx="5316781" cy="332098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DB002E9B-93BC-28A1-D2A5-574AA8B1E3D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-1586" y="20652"/>
            <a:ext cx="4078004" cy="172323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11D83083-BF70-0B47-F62C-00CC1C1D0744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2986854" y="611697"/>
            <a:ext cx="3762997" cy="31539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70516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500"/>
                            </p:stCondLst>
                            <p:childTnLst>
                              <p:par>
                                <p:cTn id="3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1000"/>
                            </p:stCondLst>
                            <p:childTnLst>
                              <p:par>
                                <p:cTn id="3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1500"/>
                            </p:stCondLst>
                            <p:childTnLst>
                              <p:par>
                                <p:cTn id="4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2000"/>
                            </p:stCondLst>
                            <p:childTnLst>
                              <p:par>
                                <p:cTn id="4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0" fill="hold">
                            <p:stCondLst>
                              <p:cond delay="2500"/>
                            </p:stCondLst>
                            <p:childTnLst>
                              <p:par>
                                <p:cTn id="5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4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490E47-C621-D298-DA8C-E45472AEA1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BEF96CA-935A-6173-9399-8C93A68A06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nimation</a:t>
            </a:r>
          </a:p>
        </p:txBody>
      </p:sp>
      <p:pic>
        <p:nvPicPr>
          <p:cNvPr id="2" name="2025-04-22 13-05-27">
            <a:hlinkClick r:id="" action="ppaction://media"/>
            <a:extLst>
              <a:ext uri="{FF2B5EF4-FFF2-40B4-BE49-F238E27FC236}">
                <a16:creationId xmlns:a16="http://schemas.microsoft.com/office/drawing/2014/main" id="{2232575C-529B-357C-D3BE-84DDDB81728B}"/>
              </a:ext>
            </a:extLst>
          </p:cNvPr>
          <p:cNvPicPr>
            <a:picLocks noGrp="1" noChangeAspect="1"/>
          </p:cNvPicPr>
          <p:nvPr>
            <p:ph idx="17"/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7"/>
          <a:stretch>
            <a:fillRect/>
          </a:stretch>
        </p:blipFill>
        <p:spPr>
          <a:xfrm>
            <a:off x="972769" y="657370"/>
            <a:ext cx="10642059" cy="5986549"/>
          </a:xfr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03487A-F23F-3102-2DC7-D6112080F8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21512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600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repeatCount="indefinite" fill="remove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72B6A0F-E193-AD87-39F2-6C4D3AAD5E8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18F6211-3128-23C9-4276-71A5AD89484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73E93B-7BD2-D1AC-E24B-38FF5FAA647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6138879"/>
      </p:ext>
    </p:extLst>
  </p:cSld>
  <p:clrMapOvr>
    <a:masterClrMapping/>
  </p:clrMapOvr>
  <p:transition spd="slow">
    <p:push dir="u"/>
  </p:transition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36B2F0-D77A-08FA-BD40-84195A9C30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D1F6CEB-E034-9C42-B92A-DC3DA45488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</p:spPr>
        <p:txBody>
          <a:bodyPr anchor="t">
            <a:normAutofit/>
          </a:bodyPr>
          <a:lstStyle/>
          <a:p>
            <a:r>
              <a:rPr lang="en-GB" dirty="0"/>
              <a:t>Framework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9DF08B0-63B9-1F39-3DF8-902D262FB59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5739" y="1438275"/>
            <a:ext cx="5816600" cy="4562476"/>
          </a:xfrm>
        </p:spPr>
        <p:txBody>
          <a:bodyPr>
            <a:normAutofit fontScale="92500" lnSpcReduction="10000"/>
          </a:bodyPr>
          <a:lstStyle/>
          <a:p>
            <a:r>
              <a:rPr lang="en-GB" dirty="0"/>
              <a:t>Not many known to me.</a:t>
            </a:r>
          </a:p>
          <a:p>
            <a:r>
              <a:rPr lang="en-GB" dirty="0" err="1"/>
              <a:t>AtlantaFX</a:t>
            </a:r>
            <a:r>
              <a:rPr lang="en-GB" dirty="0"/>
              <a:t> – themes. </a:t>
            </a:r>
          </a:p>
          <a:p>
            <a:r>
              <a:rPr lang="en-GB" dirty="0" err="1"/>
              <a:t>TestFX</a:t>
            </a:r>
            <a:r>
              <a:rPr lang="en-GB" dirty="0"/>
              <a:t> – UI testing.</a:t>
            </a:r>
          </a:p>
          <a:p>
            <a:r>
              <a:rPr lang="en-GB" dirty="0" err="1"/>
              <a:t>ControlsFX</a:t>
            </a:r>
            <a:r>
              <a:rPr lang="en-GB" dirty="0"/>
              <a:t> – additional controls.</a:t>
            </a:r>
          </a:p>
          <a:p>
            <a:r>
              <a:rPr lang="en-GB" dirty="0" err="1"/>
              <a:t>BootstrapFX</a:t>
            </a:r>
            <a:r>
              <a:rPr lang="en-GB" dirty="0"/>
              <a:t> - </a:t>
            </a:r>
            <a:r>
              <a:rPr lang="en-US" dirty="0"/>
              <a:t> is a partial port of Twitter Bootstrap for JavaFX.</a:t>
            </a:r>
            <a:endParaRPr lang="en-GB" dirty="0"/>
          </a:p>
          <a:p>
            <a:r>
              <a:rPr lang="en-GB" dirty="0" err="1"/>
              <a:t>Ikonli</a:t>
            </a:r>
            <a:r>
              <a:rPr lang="en-GB" dirty="0"/>
              <a:t> - </a:t>
            </a:r>
            <a:r>
              <a:rPr lang="en-US" dirty="0"/>
              <a:t>provides icon packs that can be used in Java applications.</a:t>
            </a:r>
          </a:p>
          <a:p>
            <a:r>
              <a:rPr lang="en-GB" dirty="0" err="1"/>
              <a:t>JMetro</a:t>
            </a:r>
            <a:r>
              <a:rPr lang="en-GB" dirty="0"/>
              <a:t> – Java, JavaFX Theme.</a:t>
            </a:r>
          </a:p>
          <a:p>
            <a:r>
              <a:rPr lang="en-GB" dirty="0"/>
              <a:t>More: </a:t>
            </a:r>
          </a:p>
          <a:p>
            <a:pPr lvl="1"/>
            <a:r>
              <a:rPr lang="en-GB" dirty="0">
                <a:hlinkClick r:id="rId5"/>
              </a:rPr>
              <a:t>https://gluonhq.com/products/gluonfx/</a:t>
            </a:r>
            <a:endParaRPr lang="en-GB" dirty="0"/>
          </a:p>
          <a:p>
            <a:pPr lvl="1"/>
            <a:r>
              <a:rPr lang="en-GB" dirty="0">
                <a:hlinkClick r:id="rId6"/>
              </a:rPr>
              <a:t>https://openjfx.io/</a:t>
            </a:r>
            <a:endParaRPr lang="en-GB" dirty="0"/>
          </a:p>
          <a:p>
            <a:pPr lvl="1"/>
            <a:endParaRPr lang="en-GB" dirty="0"/>
          </a:p>
          <a:p>
            <a:r>
              <a:rPr lang="en-GB" dirty="0"/>
              <a:t>What about Spring?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BD1FBE5-BDF1-3ECC-C2BA-699353F2EF1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67149" y="222819"/>
            <a:ext cx="6537526" cy="2402540"/>
          </a:xfrm>
          <a:prstGeom prst="rect">
            <a:avLst/>
          </a:prstGeom>
          <a:noFill/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1EE265-A1C8-3D8A-89BB-58BDAA40CCA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4" y="6474619"/>
            <a:ext cx="360360" cy="196056"/>
          </a:xfrm>
        </p:spPr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32</a:t>
            </a:fld>
            <a:endParaRPr lang="en-GB" sz="30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C41E1E6-22AF-2B23-A3F9-B392D339D24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582855" y="128127"/>
            <a:ext cx="10431331" cy="66017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106786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30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40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500"/>
                            </p:stCondLst>
                            <p:childTnLst>
                              <p:par>
                                <p:cTn id="42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1000"/>
                            </p:stCondLst>
                            <p:childTnLst>
                              <p:par>
                                <p:cTn id="46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59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0" fill="hold">
                      <p:stCondLst>
                        <p:cond delay="indefinite"/>
                      </p:stCondLst>
                      <p:childTnLst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4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5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38263B-2937-0A66-CD6A-67B2D1650C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0FD32E9-F6B4-FD69-3241-24123841614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3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/>
              <a:t>Action &amp; Q &amp; A</a:t>
            </a:r>
            <a:endParaRPr lang="en-GB" sz="2800" dirty="0">
              <a:solidFill>
                <a:schemeClr val="accent2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2A33157-1C07-6579-4441-6F46AC19C1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5373250"/>
      </p:ext>
    </p:extLst>
  </p:cSld>
  <p:clrMapOvr>
    <a:masterClrMapping/>
  </p:clrMapOvr>
  <p:transition spd="slow">
    <p:push dir="u"/>
  </p:transition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314DF0-DA8A-E45C-16EA-E7419BB3A1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DF66046-377C-232A-7C9E-19EAD00A87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most common mistakes according to AI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6FF17CD-3110-69B2-CC2F-08585E75C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A2BB5A4-D696-AA1E-28FC-3E2C4D1E639D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Common problems for beginners by:</a:t>
            </a:r>
          </a:p>
          <a:p>
            <a:r>
              <a:rPr lang="en-US">
                <a:hlinkClick r:id="rId5" action="ppaction://hlinkfile"/>
              </a:rPr>
              <a:t>Cortex</a:t>
            </a:r>
            <a:r>
              <a:rPr lang="en-US"/>
              <a:t> </a:t>
            </a:r>
            <a:endParaRPr lang="en-US" dirty="0"/>
          </a:p>
          <a:p>
            <a:r>
              <a:rPr lang="en-US" dirty="0" err="1">
                <a:hlinkClick r:id="rId6" action="ppaction://hlinkfile"/>
              </a:rPr>
              <a:t>DeepSeek</a:t>
            </a:r>
            <a:r>
              <a:rPr lang="en-US" dirty="0"/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6013182"/>
      </p:ext>
    </p:extLst>
  </p:cSld>
  <p:clrMapOvr>
    <a:masterClrMapping/>
  </p:clrMapOvr>
  <p:transition spd="slow">
    <p:push dir="u"/>
  </p:transition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532AB6-2809-97E7-0E4B-4D9293703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C9A47DA-9226-FD31-A9A5-DD9A33A9F6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ere to start?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0F31920-6331-9A7B-BFC1-349DD0C8A5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046B36F-696D-042B-335C-85FA180FBF92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688369"/>
            <a:ext cx="11818937" cy="5879699"/>
          </a:xfrm>
        </p:spPr>
        <p:txBody>
          <a:bodyPr>
            <a:normAutofit fontScale="92500" lnSpcReduction="10000"/>
          </a:bodyPr>
          <a:lstStyle/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6"/>
              </a:rPr>
              <a:t>https://openjfx.io/#community</a:t>
            </a:r>
            <a:r>
              <a:rPr lang="en-US" dirty="0"/>
              <a:t> </a:t>
            </a:r>
          </a:p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7"/>
              </a:rPr>
              <a:t>https://gluonhq.com/</a:t>
            </a:r>
            <a:endParaRPr lang="en-US" dirty="0"/>
          </a:p>
          <a:p>
            <a:r>
              <a:rPr lang="en-US" dirty="0">
                <a:hlinkClick r:id="rId8"/>
              </a:rPr>
              <a:t>https://docs.oracle.com/javafx/2/threads/jfxpub-threads.htm</a:t>
            </a:r>
            <a:endParaRPr lang="en-US" dirty="0"/>
          </a:p>
          <a:p>
            <a:r>
              <a:rPr lang="en-US" dirty="0">
                <a:hlinkClick r:id="rId9"/>
              </a:rPr>
              <a:t>https://docs.oracle.com/javafx/2/binding/jfxpub-binding.htm</a:t>
            </a:r>
            <a:endParaRPr lang="en-US" dirty="0"/>
          </a:p>
          <a:p>
            <a:r>
              <a:rPr lang="en-US" dirty="0">
                <a:hlinkClick r:id="rId10"/>
              </a:rPr>
              <a:t>https://docs.oracle.com/javase/8/javafx/properties-binding-tutorial/binding.htm</a:t>
            </a:r>
            <a:endParaRPr lang="en-US" dirty="0"/>
          </a:p>
          <a:p>
            <a:r>
              <a:rPr lang="en-US" dirty="0">
                <a:hlinkClick r:id="rId11"/>
              </a:rPr>
              <a:t>https://docs.oracle.com/javase/8/javase-clienttechnologies.htm</a:t>
            </a:r>
            <a:endParaRPr lang="en-US" dirty="0"/>
          </a:p>
          <a:p>
            <a:r>
              <a:rPr lang="en-US" dirty="0">
                <a:hlinkClick r:id="rId12"/>
              </a:rPr>
              <a:t>https://dzone.com/articles/the-bean-class-for-javafx-programming</a:t>
            </a:r>
            <a:endParaRPr lang="en-US" dirty="0"/>
          </a:p>
          <a:p>
            <a:r>
              <a:rPr lang="en-US" dirty="0">
                <a:hlinkClick r:id="rId13"/>
              </a:rPr>
              <a:t>https://github.com/TestFX/TestFX</a:t>
            </a:r>
            <a:endParaRPr lang="en-US" dirty="0"/>
          </a:p>
          <a:p>
            <a:r>
              <a:rPr lang="en-US" dirty="0">
                <a:hlinkClick r:id="rId14"/>
              </a:rPr>
              <a:t>https://mkpaz.github.io/atlantafx/</a:t>
            </a:r>
            <a:endParaRPr lang="en-US" dirty="0"/>
          </a:p>
          <a:p>
            <a:r>
              <a:rPr lang="en-US" dirty="0">
                <a:hlinkClick r:id="rId15"/>
              </a:rPr>
              <a:t>https://controlsfx.github.io/</a:t>
            </a:r>
            <a:r>
              <a:rPr lang="en-US" dirty="0"/>
              <a:t> </a:t>
            </a:r>
          </a:p>
          <a:p>
            <a:r>
              <a:rPr lang="en-US" dirty="0">
                <a:hlinkClick r:id="rId16"/>
              </a:rPr>
              <a:t>https://www.tutorialspoint.com/javafx/index.htm</a:t>
            </a:r>
            <a:r>
              <a:rPr lang="en-US" dirty="0"/>
              <a:t> </a:t>
            </a:r>
          </a:p>
          <a:p>
            <a:r>
              <a:rPr lang="en-US" dirty="0">
                <a:hlinkClick r:id="rId17"/>
              </a:rPr>
              <a:t>https://www.jpro.one/</a:t>
            </a:r>
            <a:r>
              <a:rPr lang="en-US" dirty="0"/>
              <a:t> </a:t>
            </a:r>
          </a:p>
          <a:p>
            <a:r>
              <a:rPr lang="en-US" dirty="0">
                <a:hlinkClick r:id="rId18"/>
              </a:rPr>
              <a:t>https://dzone.com/articles/20-examples-of-using-javas-completablefuture</a:t>
            </a:r>
            <a:r>
              <a:rPr lang="en-US" dirty="0"/>
              <a:t> </a:t>
            </a:r>
          </a:p>
          <a:p>
            <a:r>
              <a:rPr lang="en-US" dirty="0">
                <a:hlinkClick r:id="rId19"/>
              </a:rPr>
              <a:t>https://dzone.com/articles/java-8-definitive-guide</a:t>
            </a:r>
            <a:endParaRPr lang="en-US" dirty="0"/>
          </a:p>
          <a:p>
            <a:r>
              <a:rPr lang="en-US" dirty="0">
                <a:hlinkClick r:id="rId20"/>
              </a:rPr>
              <a:t>https://dzone.com/articles/exception-handling-in-java-completablefuture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9166200"/>
      </p:ext>
    </p:extLst>
  </p:cSld>
  <p:clrMapOvr>
    <a:masterClrMapping/>
  </p:clrMapOvr>
  <p:transition spd="slow">
    <p:push dir="u"/>
  </p:transition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9BEB7E2-5F92-8EFE-C4C8-E1CCC5E932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29DE0F0-F707-9694-AE8C-5CF077FEBC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onus</a:t>
            </a:r>
          </a:p>
        </p:txBody>
      </p:sp>
      <p:graphicFrame>
        <p:nvGraphicFramePr>
          <p:cNvPr id="2" name="Content Placeholder 1">
            <a:extLst>
              <a:ext uri="{FF2B5EF4-FFF2-40B4-BE49-F238E27FC236}">
                <a16:creationId xmlns:a16="http://schemas.microsoft.com/office/drawing/2014/main" id="{2BADD1E0-A27B-B73A-1251-2AB17D61B3EB}"/>
              </a:ext>
            </a:extLst>
          </p:cNvPr>
          <p:cNvGraphicFramePr>
            <a:graphicFrameLocks noGrp="1"/>
          </p:cNvGraphicFramePr>
          <p:nvPr>
            <p:ph idx="17"/>
            <p:extLst>
              <p:ext uri="{D42A27DB-BD31-4B8C-83A1-F6EECF244321}">
                <p14:modId xmlns:p14="http://schemas.microsoft.com/office/powerpoint/2010/main" val="2348968124"/>
              </p:ext>
            </p:extLst>
          </p:nvPr>
        </p:nvGraphicFramePr>
        <p:xfrm>
          <a:off x="185738" y="659605"/>
          <a:ext cx="11818936" cy="60325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5909468">
                  <a:extLst>
                    <a:ext uri="{9D8B030D-6E8A-4147-A177-3AD203B41FA5}">
                      <a16:colId xmlns:a16="http://schemas.microsoft.com/office/drawing/2014/main" val="4007414437"/>
                    </a:ext>
                  </a:extLst>
                </a:gridCol>
                <a:gridCol w="5909468">
                  <a:extLst>
                    <a:ext uri="{9D8B030D-6E8A-4147-A177-3AD203B41FA5}">
                      <a16:colId xmlns:a16="http://schemas.microsoft.com/office/drawing/2014/main" val="238848733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 Sw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FX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9008939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the standard toolkit for Java developers in creating GUI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grants platform assistance for designing desktop application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2906932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 further refined collection of G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a fair amount of UI components available but is more inferior to what Swing provide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4730248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 legacy library that fully features and provides pluggable 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UI components that are still growing with a further advanced look and feel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92709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can implement UI components with a conventional look and feel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can provide rich internet applications having a modern UI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658625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-related classes can be found in the Java API guide with complete documentation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doc is available in various formats with comprehensive detailing and file suppor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8114035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n advent in nature. Hence, it can produce UI components using conventional Java component classe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 FX originally uses a declarative language called JavaFX Scrip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563414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Swing has a UI component library and acts as a legacy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several components built over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6216854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ssistance for MVC, but it is not uniform across a compon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 JavaFX support is really favorable with MVC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878144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various IDEs, which offer a tool for rapid developm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also support from numerous IDEs as well, but it is not as experienced as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7749122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A swing was renamed from Java Foundation Classes, and sun microsystems announced it in the year 1997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was initially released in December 2008 by Sun microsystem, later acquired by Oracle, now under Gluon care and developmen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8587131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Events in Swing aren’t that consistent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 Events in JavaFX are higher thought-out and additional consistent than their equivalents in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06313293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lacks any support for modern touch devic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fundamental maintenance for signature gestures resembling scrolling, swiping, rotating, and zoom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65040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basic controls like buttons, checkboxes, and bandbox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many eye-catching controls that Swing doesn’t have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9976752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D2D54DF-E71A-CDE4-49A1-4F868ACE4D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93614684"/>
      </p:ext>
    </p:extLst>
  </p:cSld>
  <p:clrMapOvr>
    <a:masterClrMapping/>
  </p:clrMapOvr>
  <p:transition spd="slow">
    <p:push dir="u"/>
  </p:transition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EA58194-9CE3-7CC1-A519-C09A6671CB8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  <a:p>
            <a:r>
              <a:rPr lang="en-GB" dirty="0"/>
              <a:t>pawg@netcompany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0526366"/>
      </p:ext>
    </p:extLst>
  </p:cSld>
  <p:clrMapOvr>
    <a:masterClrMapping/>
  </p:clrMapOvr>
  <p:transition spd="slow">
    <p:push dir="u"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898CD1-6353-75B3-EC15-E417211A925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F21DEA0-1000-91D7-2486-E96D5FF66EF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31A37A6-5850-66FF-38BE-3400C21E211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999370"/>
      </p:ext>
    </p:extLst>
  </p:cSld>
  <p:clrMapOvr>
    <a:masterClrMapping/>
  </p:clrMapOvr>
  <p:transition spd="slow">
    <p:push dir="u"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5ADFF0-8F22-2523-626F-6D96CC41C4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FE4B8EA-2091-8E31-A6BA-8ABE98C38D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at is JavaFX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E73282E-67CA-73FB-9059-BDF417D66F6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Announced May 2007</a:t>
            </a:r>
          </a:p>
          <a:p>
            <a:r>
              <a:rPr lang="en-GB" dirty="0"/>
              <a:t>Preview end of July 2008, release December 2008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October 10, 2011, JavaFX 2.0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11 was first shipped in September 2018 (no longer bundled with JDK, openjfx.io Gluon).</a:t>
            </a:r>
          </a:p>
          <a:p>
            <a:r>
              <a:rPr lang="en-GB" dirty="0"/>
              <a:t>Allows building GUI with windows/frames.</a:t>
            </a:r>
          </a:p>
          <a:p>
            <a:r>
              <a:rPr lang="en-GB" dirty="0"/>
              <a:t>AWT, Swing, JavaFX, Eclipse SWT (</a:t>
            </a:r>
            <a:r>
              <a:rPr lang="en-GB" dirty="0" err="1"/>
              <a:t>DBeaver</a:t>
            </a:r>
            <a:r>
              <a:rPr lang="en-GB" dirty="0"/>
              <a:t>).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5E90C9-8A15-F022-3ED4-15DD64BE9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5310666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4E00E1-2164-F968-BB20-951D768894F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FD4946F-1FF6-7687-3275-94B9FDF02B2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–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C221A3E-3F36-44D3-0493-21D7672E49A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0672568"/>
      </p:ext>
    </p:extLst>
  </p:cSld>
  <p:clrMapOvr>
    <a:masterClrMapping/>
  </p:clrMapOvr>
  <p:transition spd="slow">
    <p:push dir="u"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413DAD5-5A7A-B7F7-D9FC-DB132595A5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C80F3ED-4908-D02D-0168-3D7E5A3C37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Architectur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020CEE0-586F-EB97-8000-17DC8481E043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fontScale="92500" lnSpcReduction="10000"/>
          </a:bodyPr>
          <a:lstStyle/>
          <a:p>
            <a:endParaRPr lang="en-US" dirty="0"/>
          </a:p>
          <a:p>
            <a:r>
              <a:rPr lang="en-US" dirty="0"/>
              <a:t>JavaFX public APIs</a:t>
            </a:r>
          </a:p>
          <a:p>
            <a:r>
              <a:rPr lang="en-US" dirty="0"/>
              <a:t>Scene Graph - starting point for constructing a JavaFX application</a:t>
            </a:r>
          </a:p>
          <a:p>
            <a:pPr lvl="1"/>
            <a:r>
              <a:rPr lang="en-US" dirty="0"/>
              <a:t>Hierarchical tree of nodes that represents all of the visual elements of the application's user interface. </a:t>
            </a:r>
          </a:p>
          <a:p>
            <a:pPr lvl="1"/>
            <a:r>
              <a:rPr lang="en-US" dirty="0"/>
              <a:t>It can handle input and can be rendered.</a:t>
            </a:r>
          </a:p>
          <a:p>
            <a:endParaRPr lang="en-US" dirty="0"/>
          </a:p>
          <a:p>
            <a:r>
              <a:rPr lang="en-US" dirty="0"/>
              <a:t>Quantum Toolkit – graphics system, engine that runs JavaFX code. </a:t>
            </a:r>
          </a:p>
          <a:p>
            <a:pPr lvl="1"/>
            <a:r>
              <a:rPr lang="en-US" dirty="0"/>
              <a:t>Prism - JavaFX high performance graphics engine.</a:t>
            </a:r>
          </a:p>
          <a:p>
            <a:pPr lvl="1"/>
            <a:r>
              <a:rPr lang="en-US" dirty="0"/>
              <a:t>Glass Window Toolkit - a small and efficient windowing system, </a:t>
            </a:r>
            <a:br>
              <a:rPr lang="en-US" dirty="0"/>
            </a:br>
            <a:r>
              <a:rPr lang="en-US" dirty="0"/>
              <a:t>the platform-dependent layer that connects the JavaFX platform </a:t>
            </a:r>
            <a:br>
              <a:rPr lang="en-US" dirty="0"/>
            </a:br>
            <a:r>
              <a:rPr lang="en-US" dirty="0"/>
              <a:t>to the native operating system.</a:t>
            </a:r>
          </a:p>
          <a:p>
            <a:pPr lvl="1"/>
            <a:r>
              <a:rPr lang="en-US" dirty="0"/>
              <a:t>Media engine - supports both visual and audio media.</a:t>
            </a:r>
          </a:p>
          <a:p>
            <a:pPr lvl="1"/>
            <a:r>
              <a:rPr lang="en-US" dirty="0"/>
              <a:t>Web engine - based on </a:t>
            </a:r>
            <a:r>
              <a:rPr lang="en-US" dirty="0" err="1"/>
              <a:t>Webkit</a:t>
            </a:r>
            <a:r>
              <a:rPr lang="en-US" dirty="0"/>
              <a:t>, that provides a Web viewer </a:t>
            </a:r>
            <a:br>
              <a:rPr lang="en-US" dirty="0"/>
            </a:br>
            <a:r>
              <a:rPr lang="en-US" dirty="0"/>
              <a:t>and full browsing functionality through its API.</a:t>
            </a:r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80E6427-E44D-4F8C-1A56-4C281F062B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7</a:t>
            </a:fld>
            <a:endParaRPr lang="en-GB" sz="300"/>
          </a:p>
        </p:txBody>
      </p:sp>
      <p:pic>
        <p:nvPicPr>
          <p:cNvPr id="2" name="Picture 2" descr="Description of Figure 2-1 follows">
            <a:extLst>
              <a:ext uri="{FF2B5EF4-FFF2-40B4-BE49-F238E27FC236}">
                <a16:creationId xmlns:a16="http://schemas.microsoft.com/office/drawing/2014/main" id="{9B843B6F-004D-A89D-C994-8CC2D83C61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79762" y="242386"/>
            <a:ext cx="5637089" cy="18174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6" descr="Scene Graph">
            <a:extLst>
              <a:ext uri="{FF2B5EF4-FFF2-40B4-BE49-F238E27FC236}">
                <a16:creationId xmlns:a16="http://schemas.microsoft.com/office/drawing/2014/main" id="{1C674C8C-3B22-957C-64FE-2055AD935BD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54456" y="2849438"/>
            <a:ext cx="3950218" cy="28342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621601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500"/>
                            </p:stCondLst>
                            <p:childTnLst>
                              <p:par>
                                <p:cTn id="1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10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5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20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500"/>
                            </p:stCondLst>
                            <p:childTnLst>
                              <p:par>
                                <p:cTn id="2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500"/>
                            </p:stCondLst>
                            <p:childTnLst>
                              <p:par>
                                <p:cTn id="3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9" fill="hold">
                            <p:stCondLst>
                              <p:cond delay="1000"/>
                            </p:stCondLst>
                            <p:childTnLst>
                              <p:par>
                                <p:cTn id="4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1500"/>
                            </p:stCondLst>
                            <p:childTnLst>
                              <p:par>
                                <p:cTn id="4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200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37588D-07D0-879A-DDC0-821745EA89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2631896-1978-DB01-A05B-ED0C2D72FB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Window – Stage – Scen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4202A9F-B694-9D4B-9BD5-09F9A80608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GB" dirty="0"/>
              <a:t>Window is Stage</a:t>
            </a:r>
          </a:p>
          <a:p>
            <a:r>
              <a:rPr lang="en-GB" dirty="0"/>
              <a:t>Stage contains Scene</a:t>
            </a:r>
          </a:p>
          <a:p>
            <a:r>
              <a:rPr lang="en-GB" dirty="0"/>
              <a:t>Scene (container) consists of Controls</a:t>
            </a:r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5BECF59-CD2C-3F2C-577D-9E4EC15097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8</a:t>
            </a:fld>
            <a:endParaRPr lang="en-GB" sz="300"/>
          </a:p>
        </p:txBody>
      </p:sp>
      <p:pic>
        <p:nvPicPr>
          <p:cNvPr id="1026" name="Picture 2" descr="helloworld scenegraph">
            <a:extLst>
              <a:ext uri="{FF2B5EF4-FFF2-40B4-BE49-F238E27FC236}">
                <a16:creationId xmlns:a16="http://schemas.microsoft.com/office/drawing/2014/main" id="{D694E7A4-E12D-45C2-B420-23A999A41A8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916059" y="2499438"/>
            <a:ext cx="4954779" cy="3975181"/>
          </a:xfrm>
          <a:prstGeom prst="rect">
            <a:avLst/>
          </a:prstGeom>
          <a:solidFill>
            <a:srgbClr val="FFFFFF"/>
          </a:solid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1547173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366BCE-C744-7717-D916-F3611CC76B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49D42AF-C9C6-3114-73AE-414F17CE78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UI Contro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D96B8BE-8CEC-055E-FAB7-86E6CD0A72A1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Layout (</a:t>
            </a:r>
            <a:r>
              <a:rPr lang="en-GB" dirty="0" err="1"/>
              <a:t>AnchorPane</a:t>
            </a:r>
            <a:r>
              <a:rPr lang="en-GB" dirty="0"/>
              <a:t>, </a:t>
            </a:r>
            <a:r>
              <a:rPr lang="en-GB" dirty="0" err="1"/>
              <a:t>TitledPane</a:t>
            </a:r>
            <a:r>
              <a:rPr lang="en-GB" dirty="0"/>
              <a:t>, </a:t>
            </a:r>
            <a:r>
              <a:rPr lang="en-GB" dirty="0" err="1"/>
              <a:t>Vbox</a:t>
            </a:r>
            <a:r>
              <a:rPr lang="en-GB" dirty="0"/>
              <a:t>, </a:t>
            </a:r>
            <a:r>
              <a:rPr lang="en-GB" dirty="0" err="1"/>
              <a:t>Hbox</a:t>
            </a:r>
            <a:r>
              <a:rPr lang="en-GB" dirty="0"/>
              <a:t>, </a:t>
            </a:r>
            <a:r>
              <a:rPr lang="en-GB" dirty="0" err="1"/>
              <a:t>FlowPane</a:t>
            </a:r>
            <a:r>
              <a:rPr lang="en-GB" dirty="0"/>
              <a:t>, </a:t>
            </a:r>
            <a:r>
              <a:rPr lang="en-GB" dirty="0" err="1"/>
              <a:t>GridPane</a:t>
            </a:r>
            <a:r>
              <a:rPr lang="en-GB" dirty="0"/>
              <a:t> …)</a:t>
            </a:r>
          </a:p>
          <a:p>
            <a:r>
              <a:rPr lang="en-GB" dirty="0"/>
              <a:t>Action based (Button, </a:t>
            </a:r>
            <a:r>
              <a:rPr lang="en-GB" dirty="0" err="1"/>
              <a:t>ListView</a:t>
            </a:r>
            <a:r>
              <a:rPr lang="en-GB" dirty="0"/>
              <a:t>, </a:t>
            </a:r>
            <a:r>
              <a:rPr lang="en-GB" dirty="0" err="1"/>
              <a:t>TextField</a:t>
            </a:r>
            <a:r>
              <a:rPr lang="en-GB" dirty="0"/>
              <a:t> …)</a:t>
            </a:r>
          </a:p>
          <a:p>
            <a:r>
              <a:rPr lang="en-GB" dirty="0"/>
              <a:t>Charts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D64BCC5-CE4A-1D70-5360-06AAB3CBA0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2050" name="Picture 2" descr="Description of Figure 2-3 follows">
            <a:extLst>
              <a:ext uri="{FF2B5EF4-FFF2-40B4-BE49-F238E27FC236}">
                <a16:creationId xmlns:a16="http://schemas.microsoft.com/office/drawing/2014/main" id="{C2632EA0-0430-4E3C-4009-73BE90C606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417776" y="2187835"/>
            <a:ext cx="5531662" cy="44771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 descr="Types of graphical charts">
            <a:extLst>
              <a:ext uri="{FF2B5EF4-FFF2-40B4-BE49-F238E27FC236}">
                <a16:creationId xmlns:a16="http://schemas.microsoft.com/office/drawing/2014/main" id="{C899AD0B-9E1E-7255-809E-31F438ED88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01269" y="813832"/>
            <a:ext cx="5676900" cy="6038850"/>
          </a:xfrm>
          <a:prstGeom prst="rect">
            <a:avLst/>
          </a:prstGeom>
          <a:noFill/>
          <a:ln w="19050">
            <a:solidFill>
              <a:srgbClr val="718886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9E36C02-2B09-0FDB-8A1C-08028EA6915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510029" y="0"/>
            <a:ext cx="3669351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582765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theme/theme1.xml><?xml version="1.0" encoding="utf-8"?>
<a:theme xmlns:a="http://schemas.openxmlformats.org/drawingml/2006/main" name="Netcompany">
  <a:themeElements>
    <a:clrScheme name="Netcompany">
      <a:dk1>
        <a:srgbClr val="141E1E"/>
      </a:dk1>
      <a:lt1>
        <a:sysClr val="window" lastClr="FFFFFF"/>
      </a:lt1>
      <a:dk2>
        <a:srgbClr val="000000"/>
      </a:dk2>
      <a:lt2>
        <a:srgbClr val="D0D7D7"/>
      </a:lt2>
      <a:accent1>
        <a:srgbClr val="123836"/>
      </a:accent1>
      <a:accent2>
        <a:srgbClr val="718886"/>
      </a:accent2>
      <a:accent3>
        <a:srgbClr val="73AA87"/>
      </a:accent3>
      <a:accent4>
        <a:srgbClr val="D0D7D7"/>
      </a:accent4>
      <a:accent5>
        <a:srgbClr val="FF6359"/>
      </a:accent5>
      <a:accent6>
        <a:srgbClr val="FFD282"/>
      </a:accent6>
      <a:hlink>
        <a:srgbClr val="FF6359"/>
      </a:hlink>
      <a:folHlink>
        <a:srgbClr val="FFB1AC"/>
      </a:folHlink>
    </a:clrScheme>
    <a:fontScheme name="Custom 3">
      <a:majorFont>
        <a:latin typeface="Netcompany-Offc"/>
        <a:ea typeface="DengXian"/>
        <a:cs typeface=""/>
      </a:majorFont>
      <a:minorFont>
        <a:latin typeface="Netcompany-Offc"/>
        <a:ea typeface="DengXi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noProof="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lnSpc>
            <a:spcPct val="110000"/>
          </a:lnSpc>
          <a:spcAft>
            <a:spcPts val="600"/>
          </a:spcAft>
          <a:defRPr dirty="0" err="1" smtClean="0"/>
        </a:defPPr>
      </a:lstStyle>
    </a:txDef>
  </a:objectDefaults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Blue">
      <a:srgbClr val="0082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Blue 50%">
      <a:srgbClr val="6ECC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">
      <a:srgbClr val="A0A0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 50%">
      <a:srgbClr val="C2C8FF"/>
    </a:custClr>
  </a:custClrLst>
  <a:extLst>
    <a:ext uri="{05A4C25C-085E-4340-85A3-A5531E510DB2}">
      <thm15:themeFamily xmlns:thm15="http://schemas.microsoft.com/office/thememl/2012/main" name="Netcompany Powerpoint Template" id="{466499A1-3F54-49C3-92BC-E16C21CDB533}" vid="{770C8E34-6514-444F-B5BF-E00410FF75A4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467C5CA-B12F-466D-8317-DBFF445ABBD8}">
  <we:reference id="wa104380278" version="1.0.0.6" store="en-US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F990523451A5B42A62F3FEF0EAF9ED3" ma:contentTypeVersion="15" ma:contentTypeDescription="Create a new document." ma:contentTypeScope="" ma:versionID="e267c9baf285ae5e166cf3ecbdd052f0">
  <xsd:schema xmlns:xsd="http://www.w3.org/2001/XMLSchema" xmlns:xs="http://www.w3.org/2001/XMLSchema" xmlns:p="http://schemas.microsoft.com/office/2006/metadata/properties" xmlns:ns2="1f88e692-e867-4d92-ab0a-a3ab2601f354" xmlns:ns3="20f94ec3-e9d0-4dc7-9a84-97b6b322ffba" targetNamespace="http://schemas.microsoft.com/office/2006/metadata/properties" ma:root="true" ma:fieldsID="99202bb9c313033654e3e1f621830458" ns2:_="" ns3:_="">
    <xsd:import namespace="1f88e692-e867-4d92-ab0a-a3ab2601f354"/>
    <xsd:import namespace="20f94ec3-e9d0-4dc7-9a84-97b6b322ffb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88e692-e867-4d92-ab0a-a3ab2601f35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d6837251-29ea-4b68-89a9-9f41a84048d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f94ec3-e9d0-4dc7-9a84-97b6b322ffba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98437d8b-4e29-4267-84e3-3e6fd8806f61}" ma:internalName="TaxCatchAll" ma:showField="CatchAllData" ma:web="20f94ec3-e9d0-4dc7-9a84-97b6b322ffb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6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10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896880363014979584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f94ec3-e9d0-4dc7-9a84-97b6b322ffba" xsi:nil="true"/>
    <lcf76f155ced4ddcb4097134ff3c332f xmlns="1f88e692-e867-4d92-ab0a-a3ab2601f354">
      <Terms xmlns="http://schemas.microsoft.com/office/infopath/2007/PartnerControls"/>
    </lcf76f155ced4ddcb4097134ff3c332f>
  </documentManagement>
</p:properties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2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4.xml><?xml version="1.0" encoding="utf-8"?>
<TemplafyTemplateConfiguration><![CDATA[{"elementsMetadata":[],"transformationConfigurations":[],"templateName":"Netcompany Powerpoint Template","templateDescription":"","enableDocumentContentUpdater":false,"version":"2.0"}]]></Templafy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4.xml><?xml version="1.0" encoding="utf-8"?>
<TemplafyFormConfiguration><![CDATA[{"formFields":[],"formDataEntries":[]}]]></Templafy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7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3.xml><?xml version="1.0" encoding="utf-8"?>
<TemplafySlideTemplateConfiguration><![CDATA[{"slideVersion":1,"isValidatorEnabled":false,"isLocked":false,"elementsMetadata":[],"slideId":"896880363014979587","enableDocumentContentUpdater":false,"version":"2.0"}]]></TemplafySlideTemplate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D91F331-FCB9-4621-A670-D1CB6EC434F7}">
  <ds:schemaRefs/>
</ds:datastoreItem>
</file>

<file path=customXml/itemProps10.xml><?xml version="1.0" encoding="utf-8"?>
<ds:datastoreItem xmlns:ds="http://schemas.openxmlformats.org/officeDocument/2006/customXml" ds:itemID="{8BFB36A7-85A6-44F8-9741-88038F71773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f88e692-e867-4d92-ab0a-a3ab2601f354"/>
    <ds:schemaRef ds:uri="20f94ec3-e9d0-4dc7-9a84-97b6b322ffb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0.xml><?xml version="1.0" encoding="utf-8"?>
<ds:datastoreItem xmlns:ds="http://schemas.openxmlformats.org/officeDocument/2006/customXml" ds:itemID="{DE137BE1-BC1D-4B23-B547-BC800CA75273}">
  <ds:schemaRefs/>
</ds:datastoreItem>
</file>

<file path=customXml/itemProps101.xml><?xml version="1.0" encoding="utf-8"?>
<ds:datastoreItem xmlns:ds="http://schemas.openxmlformats.org/officeDocument/2006/customXml" ds:itemID="{F050BA04-54DF-452E-A0DA-BCD3D806C112}">
  <ds:schemaRefs/>
</ds:datastoreItem>
</file>

<file path=customXml/itemProps102.xml><?xml version="1.0" encoding="utf-8"?>
<ds:datastoreItem xmlns:ds="http://schemas.openxmlformats.org/officeDocument/2006/customXml" ds:itemID="{3DCEB885-8C2C-41F8-BAD9-5B69E1149BD9}">
  <ds:schemaRefs/>
</ds:datastoreItem>
</file>

<file path=customXml/itemProps103.xml><?xml version="1.0" encoding="utf-8"?>
<ds:datastoreItem xmlns:ds="http://schemas.openxmlformats.org/officeDocument/2006/customXml" ds:itemID="{3B4E9431-7F2A-409D-BCF8-90B669CB055F}">
  <ds:schemaRefs/>
</ds:datastoreItem>
</file>

<file path=customXml/itemProps104.xml><?xml version="1.0" encoding="utf-8"?>
<ds:datastoreItem xmlns:ds="http://schemas.openxmlformats.org/officeDocument/2006/customXml" ds:itemID="{343A2E30-49B2-4B78-BE6C-51D924F0D1DE}">
  <ds:schemaRefs/>
</ds:datastoreItem>
</file>

<file path=customXml/itemProps105.xml><?xml version="1.0" encoding="utf-8"?>
<ds:datastoreItem xmlns:ds="http://schemas.openxmlformats.org/officeDocument/2006/customXml" ds:itemID="{CEEE09D6-85E5-4E6C-AB45-32E3D14F46CC}">
  <ds:schemaRefs/>
</ds:datastoreItem>
</file>

<file path=customXml/itemProps106.xml><?xml version="1.0" encoding="utf-8"?>
<ds:datastoreItem xmlns:ds="http://schemas.openxmlformats.org/officeDocument/2006/customXml" ds:itemID="{9BB2FA20-B271-4A81-8CC1-2577584DB520}">
  <ds:schemaRefs/>
</ds:datastoreItem>
</file>

<file path=customXml/itemProps107.xml><?xml version="1.0" encoding="utf-8"?>
<ds:datastoreItem xmlns:ds="http://schemas.openxmlformats.org/officeDocument/2006/customXml" ds:itemID="{E52404A4-50AB-47B3-BEEC-A8E931100FEB}">
  <ds:schemaRefs/>
</ds:datastoreItem>
</file>

<file path=customXml/itemProps108.xml><?xml version="1.0" encoding="utf-8"?>
<ds:datastoreItem xmlns:ds="http://schemas.openxmlformats.org/officeDocument/2006/customXml" ds:itemID="{76854050-5948-41C2-AABB-1BA7760521F9}">
  <ds:schemaRefs/>
</ds:datastoreItem>
</file>

<file path=customXml/itemProps109.xml><?xml version="1.0" encoding="utf-8"?>
<ds:datastoreItem xmlns:ds="http://schemas.openxmlformats.org/officeDocument/2006/customXml" ds:itemID="{E992D83C-21D1-4249-8C04-997570B132C7}">
  <ds:schemaRefs/>
</ds:datastoreItem>
</file>

<file path=customXml/itemProps11.xml><?xml version="1.0" encoding="utf-8"?>
<ds:datastoreItem xmlns:ds="http://schemas.openxmlformats.org/officeDocument/2006/customXml" ds:itemID="{45259208-E57C-4475-8DB0-03DA4157B3B5}">
  <ds:schemaRefs/>
</ds:datastoreItem>
</file>

<file path=customXml/itemProps12.xml><?xml version="1.0" encoding="utf-8"?>
<ds:datastoreItem xmlns:ds="http://schemas.openxmlformats.org/officeDocument/2006/customXml" ds:itemID="{CC11D3D9-FB3C-44AA-8355-FA1AEF57F1CF}">
  <ds:schemaRefs/>
</ds:datastoreItem>
</file>

<file path=customXml/itemProps13.xml><?xml version="1.0" encoding="utf-8"?>
<ds:datastoreItem xmlns:ds="http://schemas.openxmlformats.org/officeDocument/2006/customXml" ds:itemID="{95ED3126-12DA-4AE3-B946-FD326E3BB79A}">
  <ds:schemaRefs/>
</ds:datastoreItem>
</file>

<file path=customXml/itemProps14.xml><?xml version="1.0" encoding="utf-8"?>
<ds:datastoreItem xmlns:ds="http://schemas.openxmlformats.org/officeDocument/2006/customXml" ds:itemID="{7B4DFAD1-4136-438C-9203-54EFBD0B8DEE}">
  <ds:schemaRefs/>
</ds:datastoreItem>
</file>

<file path=customXml/itemProps15.xml><?xml version="1.0" encoding="utf-8"?>
<ds:datastoreItem xmlns:ds="http://schemas.openxmlformats.org/officeDocument/2006/customXml" ds:itemID="{089129AE-904F-4575-8561-603CB46EEB0D}">
  <ds:schemaRefs/>
</ds:datastoreItem>
</file>

<file path=customXml/itemProps16.xml><?xml version="1.0" encoding="utf-8"?>
<ds:datastoreItem xmlns:ds="http://schemas.openxmlformats.org/officeDocument/2006/customXml" ds:itemID="{F64566E2-67F5-4308-94F1-A40EE55D597A}">
  <ds:schemaRefs/>
</ds:datastoreItem>
</file>

<file path=customXml/itemProps17.xml><?xml version="1.0" encoding="utf-8"?>
<ds:datastoreItem xmlns:ds="http://schemas.openxmlformats.org/officeDocument/2006/customXml" ds:itemID="{B99E88FE-9927-4279-8121-2EDFB14A4611}">
  <ds:schemaRefs/>
</ds:datastoreItem>
</file>

<file path=customXml/itemProps18.xml><?xml version="1.0" encoding="utf-8"?>
<ds:datastoreItem xmlns:ds="http://schemas.openxmlformats.org/officeDocument/2006/customXml" ds:itemID="{36DCE34C-21FF-458E-84CF-71E3129CE1EF}">
  <ds:schemaRefs/>
</ds:datastoreItem>
</file>

<file path=customXml/itemProps19.xml><?xml version="1.0" encoding="utf-8"?>
<ds:datastoreItem xmlns:ds="http://schemas.openxmlformats.org/officeDocument/2006/customXml" ds:itemID="{2879BF6F-2EFE-4593-8040-16F1AAADF34C}">
  <ds:schemaRefs/>
</ds:datastoreItem>
</file>

<file path=customXml/itemProps2.xml><?xml version="1.0" encoding="utf-8"?>
<ds:datastoreItem xmlns:ds="http://schemas.openxmlformats.org/officeDocument/2006/customXml" ds:itemID="{1D282B04-BEE2-4573-91A1-BC45CE962BAB}">
  <ds:schemaRefs/>
</ds:datastoreItem>
</file>

<file path=customXml/itemProps20.xml><?xml version="1.0" encoding="utf-8"?>
<ds:datastoreItem xmlns:ds="http://schemas.openxmlformats.org/officeDocument/2006/customXml" ds:itemID="{214CFF4D-CEE2-4ED6-AC8A-41B54DA24CA7}">
  <ds:schemaRefs>
    <ds:schemaRef ds:uri="http://schemas.microsoft.com/office/2006/documentManagement/types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20f94ec3-e9d0-4dc7-9a84-97b6b322ffba"/>
    <ds:schemaRef ds:uri="1f88e692-e867-4d92-ab0a-a3ab2601f354"/>
    <ds:schemaRef ds:uri="http://schemas.microsoft.com/office/2006/metadata/properties"/>
    <ds:schemaRef ds:uri="http://purl.org/dc/terms/"/>
  </ds:schemaRefs>
</ds:datastoreItem>
</file>

<file path=customXml/itemProps21.xml><?xml version="1.0" encoding="utf-8"?>
<ds:datastoreItem xmlns:ds="http://schemas.openxmlformats.org/officeDocument/2006/customXml" ds:itemID="{487F8D79-EA86-4370-AAD2-042794F2E0C0}">
  <ds:schemaRefs/>
</ds:datastoreItem>
</file>

<file path=customXml/itemProps22.xml><?xml version="1.0" encoding="utf-8"?>
<ds:datastoreItem xmlns:ds="http://schemas.openxmlformats.org/officeDocument/2006/customXml" ds:itemID="{00C5C385-7778-4439-9607-84628A51B3BF}">
  <ds:schemaRefs/>
</ds:datastoreItem>
</file>

<file path=customXml/itemProps23.xml><?xml version="1.0" encoding="utf-8"?>
<ds:datastoreItem xmlns:ds="http://schemas.openxmlformats.org/officeDocument/2006/customXml" ds:itemID="{1D258BBE-EBA2-40FD-A60E-297457346D24}">
  <ds:schemaRefs/>
</ds:datastoreItem>
</file>

<file path=customXml/itemProps24.xml><?xml version="1.0" encoding="utf-8"?>
<ds:datastoreItem xmlns:ds="http://schemas.openxmlformats.org/officeDocument/2006/customXml" ds:itemID="{868059ED-AF61-4C7E-BF3B-7E3DC27FF399}">
  <ds:schemaRefs/>
</ds:datastoreItem>
</file>

<file path=customXml/itemProps25.xml><?xml version="1.0" encoding="utf-8"?>
<ds:datastoreItem xmlns:ds="http://schemas.openxmlformats.org/officeDocument/2006/customXml" ds:itemID="{6F3161C0-A334-45B0-8A18-314B89868AEE}">
  <ds:schemaRefs/>
</ds:datastoreItem>
</file>

<file path=customXml/itemProps26.xml><?xml version="1.0" encoding="utf-8"?>
<ds:datastoreItem xmlns:ds="http://schemas.openxmlformats.org/officeDocument/2006/customXml" ds:itemID="{BCADEADC-F726-4D8D-A61E-BCB3F7130EC9}">
  <ds:schemaRefs/>
</ds:datastoreItem>
</file>

<file path=customXml/itemProps27.xml><?xml version="1.0" encoding="utf-8"?>
<ds:datastoreItem xmlns:ds="http://schemas.openxmlformats.org/officeDocument/2006/customXml" ds:itemID="{3DD78B7C-1055-4BBA-9E6E-C713C73F4FDF}">
  <ds:schemaRefs/>
</ds:datastoreItem>
</file>

<file path=customXml/itemProps28.xml><?xml version="1.0" encoding="utf-8"?>
<ds:datastoreItem xmlns:ds="http://schemas.openxmlformats.org/officeDocument/2006/customXml" ds:itemID="{5632CD57-C589-4811-9BE0-D08CDFB0AC45}">
  <ds:schemaRefs/>
</ds:datastoreItem>
</file>

<file path=customXml/itemProps29.xml><?xml version="1.0" encoding="utf-8"?>
<ds:datastoreItem xmlns:ds="http://schemas.openxmlformats.org/officeDocument/2006/customXml" ds:itemID="{32832CAC-52F0-43E9-AFA9-CEFD8A762134}">
  <ds:schemaRefs/>
</ds:datastoreItem>
</file>

<file path=customXml/itemProps3.xml><?xml version="1.0" encoding="utf-8"?>
<ds:datastoreItem xmlns:ds="http://schemas.openxmlformats.org/officeDocument/2006/customXml" ds:itemID="{4FAF3790-EAFC-4750-93C3-F361719CC14B}">
  <ds:schemaRefs/>
</ds:datastoreItem>
</file>

<file path=customXml/itemProps30.xml><?xml version="1.0" encoding="utf-8"?>
<ds:datastoreItem xmlns:ds="http://schemas.openxmlformats.org/officeDocument/2006/customXml" ds:itemID="{60AF94A4-1BF2-4F92-9FA0-2C05B64A6F53}">
  <ds:schemaRefs/>
</ds:datastoreItem>
</file>

<file path=customXml/itemProps31.xml><?xml version="1.0" encoding="utf-8"?>
<ds:datastoreItem xmlns:ds="http://schemas.openxmlformats.org/officeDocument/2006/customXml" ds:itemID="{5822B79E-F7B2-4BAE-BB4D-65D5E71E425F}">
  <ds:schemaRefs/>
</ds:datastoreItem>
</file>

<file path=customXml/itemProps32.xml><?xml version="1.0" encoding="utf-8"?>
<ds:datastoreItem xmlns:ds="http://schemas.openxmlformats.org/officeDocument/2006/customXml" ds:itemID="{6D17987F-44FF-42C2-8D51-2D0D6B5CDAF0}">
  <ds:schemaRefs/>
</ds:datastoreItem>
</file>

<file path=customXml/itemProps33.xml><?xml version="1.0" encoding="utf-8"?>
<ds:datastoreItem xmlns:ds="http://schemas.openxmlformats.org/officeDocument/2006/customXml" ds:itemID="{EE2FB545-F073-48E9-9C90-1333CE29E041}">
  <ds:schemaRefs/>
</ds:datastoreItem>
</file>

<file path=customXml/itemProps34.xml><?xml version="1.0" encoding="utf-8"?>
<ds:datastoreItem xmlns:ds="http://schemas.openxmlformats.org/officeDocument/2006/customXml" ds:itemID="{9494D93A-A12A-4570-95AF-934FE400135B}">
  <ds:schemaRefs/>
</ds:datastoreItem>
</file>

<file path=customXml/itemProps35.xml><?xml version="1.0" encoding="utf-8"?>
<ds:datastoreItem xmlns:ds="http://schemas.openxmlformats.org/officeDocument/2006/customXml" ds:itemID="{615C7226-F1CB-4431-879D-4915B466F6FF}">
  <ds:schemaRefs/>
</ds:datastoreItem>
</file>

<file path=customXml/itemProps36.xml><?xml version="1.0" encoding="utf-8"?>
<ds:datastoreItem xmlns:ds="http://schemas.openxmlformats.org/officeDocument/2006/customXml" ds:itemID="{02681B5C-7488-4DF7-83E4-364FC0DD543C}">
  <ds:schemaRefs/>
</ds:datastoreItem>
</file>

<file path=customXml/itemProps37.xml><?xml version="1.0" encoding="utf-8"?>
<ds:datastoreItem xmlns:ds="http://schemas.openxmlformats.org/officeDocument/2006/customXml" ds:itemID="{B2FF03B8-E6FB-4FBC-A2F0-C32B4A4447AE}">
  <ds:schemaRefs/>
</ds:datastoreItem>
</file>

<file path=customXml/itemProps38.xml><?xml version="1.0" encoding="utf-8"?>
<ds:datastoreItem xmlns:ds="http://schemas.openxmlformats.org/officeDocument/2006/customXml" ds:itemID="{1082F4CA-DB02-414D-AF29-05D554BE1882}">
  <ds:schemaRefs/>
</ds:datastoreItem>
</file>

<file path=customXml/itemProps39.xml><?xml version="1.0" encoding="utf-8"?>
<ds:datastoreItem xmlns:ds="http://schemas.openxmlformats.org/officeDocument/2006/customXml" ds:itemID="{A4922734-0529-4016-AFA0-4076533244B0}">
  <ds:schemaRefs/>
</ds:datastoreItem>
</file>

<file path=customXml/itemProps4.xml><?xml version="1.0" encoding="utf-8"?>
<ds:datastoreItem xmlns:ds="http://schemas.openxmlformats.org/officeDocument/2006/customXml" ds:itemID="{9CAE2CC0-EE1F-4890-92FA-BE98A1E8AF98}">
  <ds:schemaRefs/>
</ds:datastoreItem>
</file>

<file path=customXml/itemProps40.xml><?xml version="1.0" encoding="utf-8"?>
<ds:datastoreItem xmlns:ds="http://schemas.openxmlformats.org/officeDocument/2006/customXml" ds:itemID="{DF87C1FE-BEC2-46FB-9AE8-3FE009691D51}">
  <ds:schemaRefs/>
</ds:datastoreItem>
</file>

<file path=customXml/itemProps41.xml><?xml version="1.0" encoding="utf-8"?>
<ds:datastoreItem xmlns:ds="http://schemas.openxmlformats.org/officeDocument/2006/customXml" ds:itemID="{3FA3C7B7-8682-4D61-8ED5-5ADD5582CC6D}">
  <ds:schemaRefs/>
</ds:datastoreItem>
</file>

<file path=customXml/itemProps42.xml><?xml version="1.0" encoding="utf-8"?>
<ds:datastoreItem xmlns:ds="http://schemas.openxmlformats.org/officeDocument/2006/customXml" ds:itemID="{F9C5689D-9CC6-4B12-B1F5-C5C661B253BC}">
  <ds:schemaRefs/>
</ds:datastoreItem>
</file>

<file path=customXml/itemProps43.xml><?xml version="1.0" encoding="utf-8"?>
<ds:datastoreItem xmlns:ds="http://schemas.openxmlformats.org/officeDocument/2006/customXml" ds:itemID="{BB4AE1FD-C9F4-4650-A67E-65E7835CD8AF}">
  <ds:schemaRefs/>
</ds:datastoreItem>
</file>

<file path=customXml/itemProps44.xml><?xml version="1.0" encoding="utf-8"?>
<ds:datastoreItem xmlns:ds="http://schemas.openxmlformats.org/officeDocument/2006/customXml" ds:itemID="{BCBBE012-9897-4302-846E-08346C3B7BE3}">
  <ds:schemaRefs/>
</ds:datastoreItem>
</file>

<file path=customXml/itemProps45.xml><?xml version="1.0" encoding="utf-8"?>
<ds:datastoreItem xmlns:ds="http://schemas.openxmlformats.org/officeDocument/2006/customXml" ds:itemID="{923257D0-4F7A-463E-8A01-0C82CED6CA8E}">
  <ds:schemaRefs/>
</ds:datastoreItem>
</file>

<file path=customXml/itemProps46.xml><?xml version="1.0" encoding="utf-8"?>
<ds:datastoreItem xmlns:ds="http://schemas.openxmlformats.org/officeDocument/2006/customXml" ds:itemID="{0F8203DA-B497-441D-878A-230D20592ADA}">
  <ds:schemaRefs/>
</ds:datastoreItem>
</file>

<file path=customXml/itemProps47.xml><?xml version="1.0" encoding="utf-8"?>
<ds:datastoreItem xmlns:ds="http://schemas.openxmlformats.org/officeDocument/2006/customXml" ds:itemID="{CC1A37D4-BCA7-4615-9AEB-B6DB8BA0E669}">
  <ds:schemaRefs/>
</ds:datastoreItem>
</file>

<file path=customXml/itemProps48.xml><?xml version="1.0" encoding="utf-8"?>
<ds:datastoreItem xmlns:ds="http://schemas.openxmlformats.org/officeDocument/2006/customXml" ds:itemID="{9C41258B-8590-44AF-A031-760088CC4843}">
  <ds:schemaRefs/>
</ds:datastoreItem>
</file>

<file path=customXml/itemProps49.xml><?xml version="1.0" encoding="utf-8"?>
<ds:datastoreItem xmlns:ds="http://schemas.openxmlformats.org/officeDocument/2006/customXml" ds:itemID="{3EB2477C-7BFC-4660-AE1D-27F361156132}">
  <ds:schemaRefs/>
</ds:datastoreItem>
</file>

<file path=customXml/itemProps5.xml><?xml version="1.0" encoding="utf-8"?>
<ds:datastoreItem xmlns:ds="http://schemas.openxmlformats.org/officeDocument/2006/customXml" ds:itemID="{A040D670-E3C9-478A-AF79-105D182BAB81}">
  <ds:schemaRefs/>
</ds:datastoreItem>
</file>

<file path=customXml/itemProps50.xml><?xml version="1.0" encoding="utf-8"?>
<ds:datastoreItem xmlns:ds="http://schemas.openxmlformats.org/officeDocument/2006/customXml" ds:itemID="{CA09A247-3785-4826-838E-7F40F1DF8543}">
  <ds:schemaRefs/>
</ds:datastoreItem>
</file>

<file path=customXml/itemProps51.xml><?xml version="1.0" encoding="utf-8"?>
<ds:datastoreItem xmlns:ds="http://schemas.openxmlformats.org/officeDocument/2006/customXml" ds:itemID="{4B94C7E9-2940-4F92-A6E8-691B1FE5DE27}">
  <ds:schemaRefs/>
</ds:datastoreItem>
</file>

<file path=customXml/itemProps52.xml><?xml version="1.0" encoding="utf-8"?>
<ds:datastoreItem xmlns:ds="http://schemas.openxmlformats.org/officeDocument/2006/customXml" ds:itemID="{51D03129-D959-41C8-8B15-F32FA3A9A0AF}">
  <ds:schemaRefs/>
</ds:datastoreItem>
</file>

<file path=customXml/itemProps53.xml><?xml version="1.0" encoding="utf-8"?>
<ds:datastoreItem xmlns:ds="http://schemas.openxmlformats.org/officeDocument/2006/customXml" ds:itemID="{8ADE9297-7E1A-486F-A204-B740AFE6B5B5}">
  <ds:schemaRefs/>
</ds:datastoreItem>
</file>

<file path=customXml/itemProps54.xml><?xml version="1.0" encoding="utf-8"?>
<ds:datastoreItem xmlns:ds="http://schemas.openxmlformats.org/officeDocument/2006/customXml" ds:itemID="{E7DB7416-FA66-43E3-B844-9F656F8E76EB}">
  <ds:schemaRefs/>
</ds:datastoreItem>
</file>

<file path=customXml/itemProps55.xml><?xml version="1.0" encoding="utf-8"?>
<ds:datastoreItem xmlns:ds="http://schemas.openxmlformats.org/officeDocument/2006/customXml" ds:itemID="{64D305EF-438F-4BA9-BD12-E5D256FF58FC}">
  <ds:schemaRefs/>
</ds:datastoreItem>
</file>

<file path=customXml/itemProps56.xml><?xml version="1.0" encoding="utf-8"?>
<ds:datastoreItem xmlns:ds="http://schemas.openxmlformats.org/officeDocument/2006/customXml" ds:itemID="{BE381710-3562-430F-A109-142194953A9E}">
  <ds:schemaRefs/>
</ds:datastoreItem>
</file>

<file path=customXml/itemProps57.xml><?xml version="1.0" encoding="utf-8"?>
<ds:datastoreItem xmlns:ds="http://schemas.openxmlformats.org/officeDocument/2006/customXml" ds:itemID="{3F40F56A-ED76-4A4D-A9AD-C4B5AC54F485}">
  <ds:schemaRefs/>
</ds:datastoreItem>
</file>

<file path=customXml/itemProps58.xml><?xml version="1.0" encoding="utf-8"?>
<ds:datastoreItem xmlns:ds="http://schemas.openxmlformats.org/officeDocument/2006/customXml" ds:itemID="{B6434493-CB9C-43D0-9874-4A678017EC36}">
  <ds:schemaRefs/>
</ds:datastoreItem>
</file>

<file path=customXml/itemProps59.xml><?xml version="1.0" encoding="utf-8"?>
<ds:datastoreItem xmlns:ds="http://schemas.openxmlformats.org/officeDocument/2006/customXml" ds:itemID="{CA8E9AFB-CC58-41D4-8BCD-BB376FDF9469}">
  <ds:schemaRefs/>
</ds:datastoreItem>
</file>

<file path=customXml/itemProps6.xml><?xml version="1.0" encoding="utf-8"?>
<ds:datastoreItem xmlns:ds="http://schemas.openxmlformats.org/officeDocument/2006/customXml" ds:itemID="{DF0A8BC5-F2DF-4B57-A114-4758BE8CEB9B}">
  <ds:schemaRefs/>
</ds:datastoreItem>
</file>

<file path=customXml/itemProps60.xml><?xml version="1.0" encoding="utf-8"?>
<ds:datastoreItem xmlns:ds="http://schemas.openxmlformats.org/officeDocument/2006/customXml" ds:itemID="{D6BA80EE-944C-404D-8C32-26C4383CA518}">
  <ds:schemaRefs/>
</ds:datastoreItem>
</file>

<file path=customXml/itemProps61.xml><?xml version="1.0" encoding="utf-8"?>
<ds:datastoreItem xmlns:ds="http://schemas.openxmlformats.org/officeDocument/2006/customXml" ds:itemID="{3104BD66-87DB-4466-A482-58986AADE85D}">
  <ds:schemaRefs/>
</ds:datastoreItem>
</file>

<file path=customXml/itemProps62.xml><?xml version="1.0" encoding="utf-8"?>
<ds:datastoreItem xmlns:ds="http://schemas.openxmlformats.org/officeDocument/2006/customXml" ds:itemID="{2C10236C-3B93-402E-B6B1-857DEB497767}">
  <ds:schemaRefs/>
</ds:datastoreItem>
</file>

<file path=customXml/itemProps63.xml><?xml version="1.0" encoding="utf-8"?>
<ds:datastoreItem xmlns:ds="http://schemas.openxmlformats.org/officeDocument/2006/customXml" ds:itemID="{44F78F6D-428B-45DC-BD0D-7EE89809206D}">
  <ds:schemaRefs/>
</ds:datastoreItem>
</file>

<file path=customXml/itemProps64.xml><?xml version="1.0" encoding="utf-8"?>
<ds:datastoreItem xmlns:ds="http://schemas.openxmlformats.org/officeDocument/2006/customXml" ds:itemID="{9018EF54-B4EC-4FD0-828F-4987434B5999}">
  <ds:schemaRefs/>
</ds:datastoreItem>
</file>

<file path=customXml/itemProps65.xml><?xml version="1.0" encoding="utf-8"?>
<ds:datastoreItem xmlns:ds="http://schemas.openxmlformats.org/officeDocument/2006/customXml" ds:itemID="{42EF3AAE-8010-4888-A8FB-006D6AC3E233}">
  <ds:schemaRefs/>
</ds:datastoreItem>
</file>

<file path=customXml/itemProps66.xml><?xml version="1.0" encoding="utf-8"?>
<ds:datastoreItem xmlns:ds="http://schemas.openxmlformats.org/officeDocument/2006/customXml" ds:itemID="{C714C267-8B7B-49FC-875E-C3692EAC7999}">
  <ds:schemaRefs/>
</ds:datastoreItem>
</file>

<file path=customXml/itemProps67.xml><?xml version="1.0" encoding="utf-8"?>
<ds:datastoreItem xmlns:ds="http://schemas.openxmlformats.org/officeDocument/2006/customXml" ds:itemID="{94F9ABA6-92E3-4A79-821C-3792E0508C1E}">
  <ds:schemaRefs/>
</ds:datastoreItem>
</file>

<file path=customXml/itemProps68.xml><?xml version="1.0" encoding="utf-8"?>
<ds:datastoreItem xmlns:ds="http://schemas.openxmlformats.org/officeDocument/2006/customXml" ds:itemID="{DEB90AA9-C972-4F1A-9FA6-58DFB866E533}">
  <ds:schemaRefs/>
</ds:datastoreItem>
</file>

<file path=customXml/itemProps69.xml><?xml version="1.0" encoding="utf-8"?>
<ds:datastoreItem xmlns:ds="http://schemas.openxmlformats.org/officeDocument/2006/customXml" ds:itemID="{C715EE8A-1AAF-4E0D-AB12-8F704A1E1FA6}">
  <ds:schemaRefs/>
</ds:datastoreItem>
</file>

<file path=customXml/itemProps7.xml><?xml version="1.0" encoding="utf-8"?>
<ds:datastoreItem xmlns:ds="http://schemas.openxmlformats.org/officeDocument/2006/customXml" ds:itemID="{C9A44B90-F85E-48BD-8CF9-3233DD4C6F42}">
  <ds:schemaRefs/>
</ds:datastoreItem>
</file>

<file path=customXml/itemProps70.xml><?xml version="1.0" encoding="utf-8"?>
<ds:datastoreItem xmlns:ds="http://schemas.openxmlformats.org/officeDocument/2006/customXml" ds:itemID="{1B816D3B-6F5D-4D63-8E3A-673004268F62}">
  <ds:schemaRefs/>
</ds:datastoreItem>
</file>

<file path=customXml/itemProps71.xml><?xml version="1.0" encoding="utf-8"?>
<ds:datastoreItem xmlns:ds="http://schemas.openxmlformats.org/officeDocument/2006/customXml" ds:itemID="{9266AD56-CE8F-48F1-BAC9-749EC3402AD0}">
  <ds:schemaRefs>
    <ds:schemaRef ds:uri="http://schemas.microsoft.com/sharepoint/v3/contenttype/forms"/>
  </ds:schemaRefs>
</ds:datastoreItem>
</file>

<file path=customXml/itemProps72.xml><?xml version="1.0" encoding="utf-8"?>
<ds:datastoreItem xmlns:ds="http://schemas.openxmlformats.org/officeDocument/2006/customXml" ds:itemID="{1968A076-C6A8-47B3-B104-E00839B8F2B4}">
  <ds:schemaRefs/>
</ds:datastoreItem>
</file>

<file path=customXml/itemProps73.xml><?xml version="1.0" encoding="utf-8"?>
<ds:datastoreItem xmlns:ds="http://schemas.openxmlformats.org/officeDocument/2006/customXml" ds:itemID="{48E346DC-B379-4FC1-8B14-7769EEA56968}">
  <ds:schemaRefs/>
</ds:datastoreItem>
</file>

<file path=customXml/itemProps74.xml><?xml version="1.0" encoding="utf-8"?>
<ds:datastoreItem xmlns:ds="http://schemas.openxmlformats.org/officeDocument/2006/customXml" ds:itemID="{76C43F4F-6B22-4880-95B6-CB71375B760D}">
  <ds:schemaRefs/>
</ds:datastoreItem>
</file>

<file path=customXml/itemProps75.xml><?xml version="1.0" encoding="utf-8"?>
<ds:datastoreItem xmlns:ds="http://schemas.openxmlformats.org/officeDocument/2006/customXml" ds:itemID="{A437611F-3B9E-4810-A82D-C5F23FC613BF}">
  <ds:schemaRefs/>
</ds:datastoreItem>
</file>

<file path=customXml/itemProps76.xml><?xml version="1.0" encoding="utf-8"?>
<ds:datastoreItem xmlns:ds="http://schemas.openxmlformats.org/officeDocument/2006/customXml" ds:itemID="{0C3CB46F-546E-4676-BB9A-1D434AB8534C}">
  <ds:schemaRefs/>
</ds:datastoreItem>
</file>

<file path=customXml/itemProps77.xml><?xml version="1.0" encoding="utf-8"?>
<ds:datastoreItem xmlns:ds="http://schemas.openxmlformats.org/officeDocument/2006/customXml" ds:itemID="{56DDB54D-6FFC-408F-876C-51E6C7DC045A}">
  <ds:schemaRefs/>
</ds:datastoreItem>
</file>

<file path=customXml/itemProps78.xml><?xml version="1.0" encoding="utf-8"?>
<ds:datastoreItem xmlns:ds="http://schemas.openxmlformats.org/officeDocument/2006/customXml" ds:itemID="{6101EBAB-34D7-439A-8634-60374EB55248}">
  <ds:schemaRefs/>
</ds:datastoreItem>
</file>

<file path=customXml/itemProps79.xml><?xml version="1.0" encoding="utf-8"?>
<ds:datastoreItem xmlns:ds="http://schemas.openxmlformats.org/officeDocument/2006/customXml" ds:itemID="{5E73CD95-0C47-493F-889C-12B3E6A53056}">
  <ds:schemaRefs/>
</ds:datastoreItem>
</file>

<file path=customXml/itemProps8.xml><?xml version="1.0" encoding="utf-8"?>
<ds:datastoreItem xmlns:ds="http://schemas.openxmlformats.org/officeDocument/2006/customXml" ds:itemID="{A356CF20-5A5D-4456-9426-D871EE66AEB9}">
  <ds:schemaRefs/>
</ds:datastoreItem>
</file>

<file path=customXml/itemProps80.xml><?xml version="1.0" encoding="utf-8"?>
<ds:datastoreItem xmlns:ds="http://schemas.openxmlformats.org/officeDocument/2006/customXml" ds:itemID="{98866C94-9E45-4346-A95E-49D6A2A5A595}">
  <ds:schemaRefs/>
</ds:datastoreItem>
</file>

<file path=customXml/itemProps81.xml><?xml version="1.0" encoding="utf-8"?>
<ds:datastoreItem xmlns:ds="http://schemas.openxmlformats.org/officeDocument/2006/customXml" ds:itemID="{93A13FEC-436B-46C2-99EF-93FA64CA3B65}">
  <ds:schemaRefs/>
</ds:datastoreItem>
</file>

<file path=customXml/itemProps82.xml><?xml version="1.0" encoding="utf-8"?>
<ds:datastoreItem xmlns:ds="http://schemas.openxmlformats.org/officeDocument/2006/customXml" ds:itemID="{53DAC62B-3E1F-4278-905C-D6D6DD7D340D}">
  <ds:schemaRefs/>
</ds:datastoreItem>
</file>

<file path=customXml/itemProps83.xml><?xml version="1.0" encoding="utf-8"?>
<ds:datastoreItem xmlns:ds="http://schemas.openxmlformats.org/officeDocument/2006/customXml" ds:itemID="{904F0CE3-1B4B-4CD6-90F5-5D5E92126EAB}">
  <ds:schemaRefs/>
</ds:datastoreItem>
</file>

<file path=customXml/itemProps84.xml><?xml version="1.0" encoding="utf-8"?>
<ds:datastoreItem xmlns:ds="http://schemas.openxmlformats.org/officeDocument/2006/customXml" ds:itemID="{23AAF0AA-ABCA-4E5F-86EA-6E07F29C5A84}">
  <ds:schemaRefs/>
</ds:datastoreItem>
</file>

<file path=customXml/itemProps85.xml><?xml version="1.0" encoding="utf-8"?>
<ds:datastoreItem xmlns:ds="http://schemas.openxmlformats.org/officeDocument/2006/customXml" ds:itemID="{282E4142-DD05-41ED-92A2-E678C98D4D8F}">
  <ds:schemaRefs/>
</ds:datastoreItem>
</file>

<file path=customXml/itemProps86.xml><?xml version="1.0" encoding="utf-8"?>
<ds:datastoreItem xmlns:ds="http://schemas.openxmlformats.org/officeDocument/2006/customXml" ds:itemID="{DF307ED3-2249-4B9C-884D-A927910AE065}">
  <ds:schemaRefs/>
</ds:datastoreItem>
</file>

<file path=customXml/itemProps87.xml><?xml version="1.0" encoding="utf-8"?>
<ds:datastoreItem xmlns:ds="http://schemas.openxmlformats.org/officeDocument/2006/customXml" ds:itemID="{BE77CF0D-D39F-4A82-A510-6049C9313FDB}">
  <ds:schemaRefs/>
</ds:datastoreItem>
</file>

<file path=customXml/itemProps88.xml><?xml version="1.0" encoding="utf-8"?>
<ds:datastoreItem xmlns:ds="http://schemas.openxmlformats.org/officeDocument/2006/customXml" ds:itemID="{6341F271-2E09-4B50-BE30-4D3F230E7179}">
  <ds:schemaRefs/>
</ds:datastoreItem>
</file>

<file path=customXml/itemProps89.xml><?xml version="1.0" encoding="utf-8"?>
<ds:datastoreItem xmlns:ds="http://schemas.openxmlformats.org/officeDocument/2006/customXml" ds:itemID="{7E1AAA7A-4582-4EE0-AE26-3D110362AA2A}">
  <ds:schemaRefs/>
</ds:datastoreItem>
</file>

<file path=customXml/itemProps9.xml><?xml version="1.0" encoding="utf-8"?>
<ds:datastoreItem xmlns:ds="http://schemas.openxmlformats.org/officeDocument/2006/customXml" ds:itemID="{8FC214B8-8D81-4A28-85EF-3FACE8A04774}">
  <ds:schemaRefs/>
</ds:datastoreItem>
</file>

<file path=customXml/itemProps90.xml><?xml version="1.0" encoding="utf-8"?>
<ds:datastoreItem xmlns:ds="http://schemas.openxmlformats.org/officeDocument/2006/customXml" ds:itemID="{AFC99524-8D91-4629-9AC0-C9E864B5C468}">
  <ds:schemaRefs/>
</ds:datastoreItem>
</file>

<file path=customXml/itemProps91.xml><?xml version="1.0" encoding="utf-8"?>
<ds:datastoreItem xmlns:ds="http://schemas.openxmlformats.org/officeDocument/2006/customXml" ds:itemID="{EE58E71A-DED5-42F0-BA7E-3103BD5F2DA7}">
  <ds:schemaRefs/>
</ds:datastoreItem>
</file>

<file path=customXml/itemProps92.xml><?xml version="1.0" encoding="utf-8"?>
<ds:datastoreItem xmlns:ds="http://schemas.openxmlformats.org/officeDocument/2006/customXml" ds:itemID="{8DAD89AB-81DA-470A-A16A-DC3AA21943BF}">
  <ds:schemaRefs/>
</ds:datastoreItem>
</file>

<file path=customXml/itemProps93.xml><?xml version="1.0" encoding="utf-8"?>
<ds:datastoreItem xmlns:ds="http://schemas.openxmlformats.org/officeDocument/2006/customXml" ds:itemID="{3063D82C-DC77-454D-8477-D313780567A9}">
  <ds:schemaRefs/>
</ds:datastoreItem>
</file>

<file path=customXml/itemProps94.xml><?xml version="1.0" encoding="utf-8"?>
<ds:datastoreItem xmlns:ds="http://schemas.openxmlformats.org/officeDocument/2006/customXml" ds:itemID="{2C284416-1E57-435C-AFB1-A589A77E0CDC}">
  <ds:schemaRefs/>
</ds:datastoreItem>
</file>

<file path=customXml/itemProps95.xml><?xml version="1.0" encoding="utf-8"?>
<ds:datastoreItem xmlns:ds="http://schemas.openxmlformats.org/officeDocument/2006/customXml" ds:itemID="{A28612F6-1691-4BFA-8AD8-D343F99B1E79}">
  <ds:schemaRefs/>
</ds:datastoreItem>
</file>

<file path=customXml/itemProps96.xml><?xml version="1.0" encoding="utf-8"?>
<ds:datastoreItem xmlns:ds="http://schemas.openxmlformats.org/officeDocument/2006/customXml" ds:itemID="{46DAA50B-3D38-408E-B560-0418B8C7A30F}">
  <ds:schemaRefs/>
</ds:datastoreItem>
</file>

<file path=customXml/itemProps97.xml><?xml version="1.0" encoding="utf-8"?>
<ds:datastoreItem xmlns:ds="http://schemas.openxmlformats.org/officeDocument/2006/customXml" ds:itemID="{EE223208-F538-476D-9742-96AFFF4756E6}">
  <ds:schemaRefs/>
</ds:datastoreItem>
</file>

<file path=customXml/itemProps98.xml><?xml version="1.0" encoding="utf-8"?>
<ds:datastoreItem xmlns:ds="http://schemas.openxmlformats.org/officeDocument/2006/customXml" ds:itemID="{3ABE120C-1939-43C6-A909-73BFE21F83FF}">
  <ds:schemaRefs/>
</ds:datastoreItem>
</file>

<file path=customXml/itemProps99.xml><?xml version="1.0" encoding="utf-8"?>
<ds:datastoreItem xmlns:ds="http://schemas.openxmlformats.org/officeDocument/2006/customXml" ds:itemID="{1ADFE48A-2456-448D-8B98-177A1562997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etcompany Powerpoint Template</Template>
  <TotalTime>10256</TotalTime>
  <Words>2725</Words>
  <Application>Microsoft Office PowerPoint</Application>
  <PresentationFormat>Widescreen</PresentationFormat>
  <Paragraphs>484</Paragraphs>
  <Slides>37</Slides>
  <Notes>37</Notes>
  <HiddenSlides>0</HiddenSlides>
  <MMClips>1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7</vt:i4>
      </vt:variant>
    </vt:vector>
  </HeadingPairs>
  <TitlesOfParts>
    <vt:vector size="41" baseType="lpstr">
      <vt:lpstr>Netcompany-Offc</vt:lpstr>
      <vt:lpstr>Arial</vt:lpstr>
      <vt:lpstr>Wingdings</vt:lpstr>
      <vt:lpstr>Netcompany</vt:lpstr>
      <vt:lpstr>JavaFX in Action</vt:lpstr>
      <vt:lpstr>PowerPoint Presentation</vt:lpstr>
      <vt:lpstr>Paweł Gawędzki</vt:lpstr>
      <vt:lpstr>PowerPoint Presentation</vt:lpstr>
      <vt:lpstr>What is JavaFX?</vt:lpstr>
      <vt:lpstr>PowerPoint Presentation</vt:lpstr>
      <vt:lpstr>Architecture</vt:lpstr>
      <vt:lpstr>Window – Stage – Scene</vt:lpstr>
      <vt:lpstr>UI Controls</vt:lpstr>
      <vt:lpstr>PowerPoint Presentation</vt:lpstr>
      <vt:lpstr>FXML</vt:lpstr>
      <vt:lpstr>Scene Builder</vt:lpstr>
      <vt:lpstr>PowerPoint Presentation</vt:lpstr>
      <vt:lpstr>Events</vt:lpstr>
      <vt:lpstr>Events</vt:lpstr>
      <vt:lpstr>Properties</vt:lpstr>
      <vt:lpstr>Listeners</vt:lpstr>
      <vt:lpstr>Properties - Listeners</vt:lpstr>
      <vt:lpstr>PowerPoint Presentation</vt:lpstr>
      <vt:lpstr>Property binding</vt:lpstr>
      <vt:lpstr>PowerPoint Presentation</vt:lpstr>
      <vt:lpstr>Background processing</vt:lpstr>
      <vt:lpstr>Background processing – Task class</vt:lpstr>
      <vt:lpstr>Background processing – Service class</vt:lpstr>
      <vt:lpstr>Background processing – example</vt:lpstr>
      <vt:lpstr>PowerPoint Presentation</vt:lpstr>
      <vt:lpstr>CSS – Transformation - Animation</vt:lpstr>
      <vt:lpstr>CSS</vt:lpstr>
      <vt:lpstr>Transformation</vt:lpstr>
      <vt:lpstr>Animation</vt:lpstr>
      <vt:lpstr>PowerPoint Presentation</vt:lpstr>
      <vt:lpstr>Frameworks</vt:lpstr>
      <vt:lpstr>PowerPoint Presentation</vt:lpstr>
      <vt:lpstr>The most common mistakes according to AI</vt:lpstr>
      <vt:lpstr>Where to start?</vt:lpstr>
      <vt:lpstr>Bonu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Uffe Birkedal</dc:creator>
  <cp:lastModifiedBy>Paweł Gawędzki</cp:lastModifiedBy>
  <cp:revision>35</cp:revision>
  <dcterms:created xsi:type="dcterms:W3CDTF">2024-04-25T07:56:42Z</dcterms:created>
  <dcterms:modified xsi:type="dcterms:W3CDTF">2025-06-04T13:41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ContentTypeId">
    <vt:lpwstr>0x0101006F990523451A5B42A62F3FEF0EAF9ED3</vt:lpwstr>
  </property>
  <property fmtid="{D5CDD505-2E9C-101B-9397-08002B2CF9AE}" pid="4" name="MediaServiceImageTags">
    <vt:lpwstr/>
  </property>
  <property fmtid="{D5CDD505-2E9C-101B-9397-08002B2CF9AE}" pid="5" name="TemplafyTimeStamp">
    <vt:lpwstr>2024-04-23T10:56:56</vt:lpwstr>
  </property>
  <property fmtid="{D5CDD505-2E9C-101B-9397-08002B2CF9AE}" pid="6" name="TemplafyTenantId">
    <vt:lpwstr>netcompany</vt:lpwstr>
  </property>
  <property fmtid="{D5CDD505-2E9C-101B-9397-08002B2CF9AE}" pid="7" name="TemplafyTemplateId">
    <vt:lpwstr>896880345885704710</vt:lpwstr>
  </property>
  <property fmtid="{D5CDD505-2E9C-101B-9397-08002B2CF9AE}" pid="8" name="TemplafyUserProfileId">
    <vt:lpwstr>842236507839791137</vt:lpwstr>
  </property>
  <property fmtid="{D5CDD505-2E9C-101B-9397-08002B2CF9AE}" pid="9" name="TemplafyFromBlank">
    <vt:bool>true</vt:bool>
  </property>
</Properties>
</file>